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5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8" d="100"/>
          <a:sy n="78" d="100"/>
        </p:scale>
        <p:origin x="96" y="9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85E620-4205-4E31-B1CA-6CBC24B091F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F1E7DDC-073F-4CC8-A073-D5F44B64981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55D6D0F-37CE-4114-8051-0734B7EB5E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D981BA-0314-4016-907D-B25CC0FA95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D744B3-94C2-4426-8099-D3DD9BA3C2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14698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9C17C3-0453-4115-ACAD-CC3719AB7B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4D45C3-D727-4672-A7CC-50C20E5348A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75654A-1AF0-43E1-8162-E0BCD1D879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3E20FC-4010-47C0-B2F2-0F25843FB1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D4644A-62B5-4571-8848-04C5ABFAB6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21189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D714AD1-FE3A-4392-911B-6CE9A5F3047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52B7C82-15C5-49FC-B1AB-66320A91423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B5AECC-9329-4B54-AA08-640BD76BEB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C01F23-6967-4D55-80C4-BB7C1997A6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8D3BBC-C24A-4ECF-B610-F1E8AF435B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60266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2BB3E2-600E-4873-8464-236F12D29B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AC8041-D04F-409E-98B1-AFB6743468C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7D9B35-9FA8-4433-AD72-DB86B9B020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1FB4CF-689A-4EB6-ADF2-E3A03CBC77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57FC32-0703-464B-8AEA-DAC0B3832A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39404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AE12F9-35DC-4812-B619-6075936F40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AF3D9FC-F1AB-41F6-B9E7-0B81F149E1F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CBD5D3-CB06-41C2-B99D-A9C8867305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73A89E-FDB4-49ED-82D7-B3121FE602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9FB7AE-91C6-47B0-BC66-6F0C77A673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39070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DACC94-D68E-4269-9897-FBF0DA403D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3505E5-93F8-4A9C-AC3F-23D8B13B881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7A00085-0799-4AB4-AC9B-3F8E235EC6B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1DF6AA-53A6-4ECA-85B0-2545D4A55A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F111897-840B-43D7-8953-0DF6A28C3C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A44B0C-49FC-4F5B-8AEB-369E8486AF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36438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FF11D8-01B0-45D8-B60D-894AE9B3FE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3913CA-8A39-45EE-A347-8841E653B7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1A2F802-A648-453B-8C9F-35FA717BE20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146215-9B0D-412A-8C87-2CB136A4902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A815776-8317-467F-85B2-175DB3ECE90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F3712C8-FC0A-43C3-B3DB-EE37F1DB6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7277DB7-A561-4181-BB9C-75B2BF84C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81F2831-5804-420B-A850-82AC5255A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94956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54F6EC-8799-4371-BC78-48A652D981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BD2890A-1790-4274-88DF-47A2BAADAE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79DA8C3-BE76-4D34-AE1D-8FD3CFEDB8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FA21B9A-5207-49FE-A957-C4C082532A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8246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544FE06-5380-4158-BD6E-21FE20F7D6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423A2F5-281C-428B-B1A1-5DE2CA365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E077022-0662-4F90-B06C-0C627BE77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29762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5C093A-2D49-44EE-99EB-A254F6D7A3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208F1E-D621-4044-BC64-24CA8845446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7BB4B-9B7F-4230-A3BF-C66DC186D0D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F8485B-9F29-40BE-BB80-539EE53BC3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2A0C201-223D-46CE-852C-42C8D4C0A1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8DD50C-3040-4A50-8B47-20BCCCD6A2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41499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E2666C-39BE-4D17-84BC-7DD3B7F0A8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62D4BD3-205C-4B0D-B682-A190C973210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12A46-6F15-4CBF-B097-1B37CA6CC40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D2C885D-7348-475A-98A7-79560E1256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B0C21D4-25C9-4902-8EB0-387D40EC9E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D6D4F7E-34ED-4374-BFE5-B01C402D77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50575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9170E0B-896F-4262-AFAE-A99EAD53D6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EF8F89-C300-4B3B-BC0F-0EB4137F10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AA51AD-47BE-4E4F-A13C-AA307819969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D571CA-ADBA-4065-B169-D2ED51909564}" type="datetimeFigureOut">
              <a:rPr lang="en-US" smtClean="0"/>
              <a:t>3/1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35773A-4B1F-41F2-A143-9935CA9181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2F639A-3DB9-40A3-BC58-8644AAE4789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86AF55-AF38-42A9-81B6-F87C0FD34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52172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image" Target="../media/image2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image" Target="../media/image1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07.xml"/><Relationship Id="rId21" Type="http://schemas.openxmlformats.org/officeDocument/2006/relationships/tags" Target="../tags/tag102.xml"/><Relationship Id="rId42" Type="http://schemas.openxmlformats.org/officeDocument/2006/relationships/tags" Target="../tags/tag123.xml"/><Relationship Id="rId47" Type="http://schemas.openxmlformats.org/officeDocument/2006/relationships/tags" Target="../tags/tag128.xml"/><Relationship Id="rId63" Type="http://schemas.openxmlformats.org/officeDocument/2006/relationships/tags" Target="../tags/tag144.xml"/><Relationship Id="rId68" Type="http://schemas.openxmlformats.org/officeDocument/2006/relationships/tags" Target="../tags/tag149.xml"/><Relationship Id="rId84" Type="http://schemas.openxmlformats.org/officeDocument/2006/relationships/tags" Target="../tags/tag165.xml"/><Relationship Id="rId89" Type="http://schemas.openxmlformats.org/officeDocument/2006/relationships/tags" Target="../tags/tag170.xml"/><Relationship Id="rId112" Type="http://schemas.openxmlformats.org/officeDocument/2006/relationships/image" Target="../media/image3.png"/><Relationship Id="rId2" Type="http://schemas.openxmlformats.org/officeDocument/2006/relationships/tags" Target="../tags/tag83.xml"/><Relationship Id="rId16" Type="http://schemas.openxmlformats.org/officeDocument/2006/relationships/tags" Target="../tags/tag97.xml"/><Relationship Id="rId29" Type="http://schemas.openxmlformats.org/officeDocument/2006/relationships/tags" Target="../tags/tag110.xml"/><Relationship Id="rId107" Type="http://schemas.openxmlformats.org/officeDocument/2006/relationships/tags" Target="../tags/tag188.xml"/><Relationship Id="rId11" Type="http://schemas.openxmlformats.org/officeDocument/2006/relationships/tags" Target="../tags/tag92.xml"/><Relationship Id="rId24" Type="http://schemas.openxmlformats.org/officeDocument/2006/relationships/tags" Target="../tags/tag105.xml"/><Relationship Id="rId32" Type="http://schemas.openxmlformats.org/officeDocument/2006/relationships/tags" Target="../tags/tag113.xml"/><Relationship Id="rId37" Type="http://schemas.openxmlformats.org/officeDocument/2006/relationships/tags" Target="../tags/tag118.xml"/><Relationship Id="rId40" Type="http://schemas.openxmlformats.org/officeDocument/2006/relationships/tags" Target="../tags/tag121.xml"/><Relationship Id="rId45" Type="http://schemas.openxmlformats.org/officeDocument/2006/relationships/tags" Target="../tags/tag126.xml"/><Relationship Id="rId53" Type="http://schemas.openxmlformats.org/officeDocument/2006/relationships/tags" Target="../tags/tag134.xml"/><Relationship Id="rId58" Type="http://schemas.openxmlformats.org/officeDocument/2006/relationships/tags" Target="../tags/tag139.xml"/><Relationship Id="rId66" Type="http://schemas.openxmlformats.org/officeDocument/2006/relationships/tags" Target="../tags/tag147.xml"/><Relationship Id="rId74" Type="http://schemas.openxmlformats.org/officeDocument/2006/relationships/tags" Target="../tags/tag155.xml"/><Relationship Id="rId79" Type="http://schemas.openxmlformats.org/officeDocument/2006/relationships/tags" Target="../tags/tag160.xml"/><Relationship Id="rId87" Type="http://schemas.openxmlformats.org/officeDocument/2006/relationships/tags" Target="../tags/tag168.xml"/><Relationship Id="rId102" Type="http://schemas.openxmlformats.org/officeDocument/2006/relationships/tags" Target="../tags/tag183.xml"/><Relationship Id="rId110" Type="http://schemas.openxmlformats.org/officeDocument/2006/relationships/image" Target="../media/image1.png"/><Relationship Id="rId5" Type="http://schemas.openxmlformats.org/officeDocument/2006/relationships/tags" Target="../tags/tag86.xml"/><Relationship Id="rId61" Type="http://schemas.openxmlformats.org/officeDocument/2006/relationships/tags" Target="../tags/tag142.xml"/><Relationship Id="rId82" Type="http://schemas.openxmlformats.org/officeDocument/2006/relationships/tags" Target="../tags/tag163.xml"/><Relationship Id="rId90" Type="http://schemas.openxmlformats.org/officeDocument/2006/relationships/tags" Target="../tags/tag171.xml"/><Relationship Id="rId95" Type="http://schemas.openxmlformats.org/officeDocument/2006/relationships/tags" Target="../tags/tag176.xml"/><Relationship Id="rId19" Type="http://schemas.openxmlformats.org/officeDocument/2006/relationships/tags" Target="../tags/tag100.xml"/><Relationship Id="rId14" Type="http://schemas.openxmlformats.org/officeDocument/2006/relationships/tags" Target="../tags/tag95.xml"/><Relationship Id="rId22" Type="http://schemas.openxmlformats.org/officeDocument/2006/relationships/tags" Target="../tags/tag103.xml"/><Relationship Id="rId27" Type="http://schemas.openxmlformats.org/officeDocument/2006/relationships/tags" Target="../tags/tag108.xml"/><Relationship Id="rId30" Type="http://schemas.openxmlformats.org/officeDocument/2006/relationships/tags" Target="../tags/tag111.xml"/><Relationship Id="rId35" Type="http://schemas.openxmlformats.org/officeDocument/2006/relationships/tags" Target="../tags/tag116.xml"/><Relationship Id="rId43" Type="http://schemas.openxmlformats.org/officeDocument/2006/relationships/tags" Target="../tags/tag124.xml"/><Relationship Id="rId48" Type="http://schemas.openxmlformats.org/officeDocument/2006/relationships/tags" Target="../tags/tag129.xml"/><Relationship Id="rId56" Type="http://schemas.openxmlformats.org/officeDocument/2006/relationships/tags" Target="../tags/tag137.xml"/><Relationship Id="rId64" Type="http://schemas.openxmlformats.org/officeDocument/2006/relationships/tags" Target="../tags/tag145.xml"/><Relationship Id="rId69" Type="http://schemas.openxmlformats.org/officeDocument/2006/relationships/tags" Target="../tags/tag150.xml"/><Relationship Id="rId77" Type="http://schemas.openxmlformats.org/officeDocument/2006/relationships/tags" Target="../tags/tag158.xml"/><Relationship Id="rId100" Type="http://schemas.openxmlformats.org/officeDocument/2006/relationships/tags" Target="../tags/tag181.xml"/><Relationship Id="rId105" Type="http://schemas.openxmlformats.org/officeDocument/2006/relationships/tags" Target="../tags/tag186.xml"/><Relationship Id="rId8" Type="http://schemas.openxmlformats.org/officeDocument/2006/relationships/tags" Target="../tags/tag89.xml"/><Relationship Id="rId51" Type="http://schemas.openxmlformats.org/officeDocument/2006/relationships/tags" Target="../tags/tag132.xml"/><Relationship Id="rId72" Type="http://schemas.openxmlformats.org/officeDocument/2006/relationships/tags" Target="../tags/tag153.xml"/><Relationship Id="rId80" Type="http://schemas.openxmlformats.org/officeDocument/2006/relationships/tags" Target="../tags/tag161.xml"/><Relationship Id="rId85" Type="http://schemas.openxmlformats.org/officeDocument/2006/relationships/tags" Target="../tags/tag166.xml"/><Relationship Id="rId93" Type="http://schemas.openxmlformats.org/officeDocument/2006/relationships/tags" Target="../tags/tag174.xml"/><Relationship Id="rId98" Type="http://schemas.openxmlformats.org/officeDocument/2006/relationships/tags" Target="../tags/tag179.xml"/><Relationship Id="rId3" Type="http://schemas.openxmlformats.org/officeDocument/2006/relationships/tags" Target="../tags/tag84.xml"/><Relationship Id="rId12" Type="http://schemas.openxmlformats.org/officeDocument/2006/relationships/tags" Target="../tags/tag93.xml"/><Relationship Id="rId17" Type="http://schemas.openxmlformats.org/officeDocument/2006/relationships/tags" Target="../tags/tag98.xml"/><Relationship Id="rId25" Type="http://schemas.openxmlformats.org/officeDocument/2006/relationships/tags" Target="../tags/tag106.xml"/><Relationship Id="rId33" Type="http://schemas.openxmlformats.org/officeDocument/2006/relationships/tags" Target="../tags/tag114.xml"/><Relationship Id="rId38" Type="http://schemas.openxmlformats.org/officeDocument/2006/relationships/tags" Target="../tags/tag119.xml"/><Relationship Id="rId46" Type="http://schemas.openxmlformats.org/officeDocument/2006/relationships/tags" Target="../tags/tag127.xml"/><Relationship Id="rId59" Type="http://schemas.openxmlformats.org/officeDocument/2006/relationships/tags" Target="../tags/tag140.xml"/><Relationship Id="rId67" Type="http://schemas.openxmlformats.org/officeDocument/2006/relationships/tags" Target="../tags/tag148.xml"/><Relationship Id="rId103" Type="http://schemas.openxmlformats.org/officeDocument/2006/relationships/tags" Target="../tags/tag184.xml"/><Relationship Id="rId108" Type="http://schemas.openxmlformats.org/officeDocument/2006/relationships/tags" Target="../tags/tag189.xml"/><Relationship Id="rId20" Type="http://schemas.openxmlformats.org/officeDocument/2006/relationships/tags" Target="../tags/tag101.xml"/><Relationship Id="rId41" Type="http://schemas.openxmlformats.org/officeDocument/2006/relationships/tags" Target="../tags/tag122.xml"/><Relationship Id="rId54" Type="http://schemas.openxmlformats.org/officeDocument/2006/relationships/tags" Target="../tags/tag135.xml"/><Relationship Id="rId62" Type="http://schemas.openxmlformats.org/officeDocument/2006/relationships/tags" Target="../tags/tag143.xml"/><Relationship Id="rId70" Type="http://schemas.openxmlformats.org/officeDocument/2006/relationships/tags" Target="../tags/tag151.xml"/><Relationship Id="rId75" Type="http://schemas.openxmlformats.org/officeDocument/2006/relationships/tags" Target="../tags/tag156.xml"/><Relationship Id="rId83" Type="http://schemas.openxmlformats.org/officeDocument/2006/relationships/tags" Target="../tags/tag164.xml"/><Relationship Id="rId88" Type="http://schemas.openxmlformats.org/officeDocument/2006/relationships/tags" Target="../tags/tag169.xml"/><Relationship Id="rId91" Type="http://schemas.openxmlformats.org/officeDocument/2006/relationships/tags" Target="../tags/tag172.xml"/><Relationship Id="rId96" Type="http://schemas.openxmlformats.org/officeDocument/2006/relationships/tags" Target="../tags/tag177.xml"/><Relationship Id="rId111" Type="http://schemas.openxmlformats.org/officeDocument/2006/relationships/image" Target="../media/image2.png"/><Relationship Id="rId1" Type="http://schemas.openxmlformats.org/officeDocument/2006/relationships/tags" Target="../tags/tag82.xml"/><Relationship Id="rId6" Type="http://schemas.openxmlformats.org/officeDocument/2006/relationships/tags" Target="../tags/tag87.xml"/><Relationship Id="rId15" Type="http://schemas.openxmlformats.org/officeDocument/2006/relationships/tags" Target="../tags/tag96.xml"/><Relationship Id="rId23" Type="http://schemas.openxmlformats.org/officeDocument/2006/relationships/tags" Target="../tags/tag104.xml"/><Relationship Id="rId28" Type="http://schemas.openxmlformats.org/officeDocument/2006/relationships/tags" Target="../tags/tag109.xml"/><Relationship Id="rId36" Type="http://schemas.openxmlformats.org/officeDocument/2006/relationships/tags" Target="../tags/tag117.xml"/><Relationship Id="rId49" Type="http://schemas.openxmlformats.org/officeDocument/2006/relationships/tags" Target="../tags/tag130.xml"/><Relationship Id="rId57" Type="http://schemas.openxmlformats.org/officeDocument/2006/relationships/tags" Target="../tags/tag138.xml"/><Relationship Id="rId106" Type="http://schemas.openxmlformats.org/officeDocument/2006/relationships/tags" Target="../tags/tag187.xml"/><Relationship Id="rId10" Type="http://schemas.openxmlformats.org/officeDocument/2006/relationships/tags" Target="../tags/tag91.xml"/><Relationship Id="rId31" Type="http://schemas.openxmlformats.org/officeDocument/2006/relationships/tags" Target="../tags/tag112.xml"/><Relationship Id="rId44" Type="http://schemas.openxmlformats.org/officeDocument/2006/relationships/tags" Target="../tags/tag125.xml"/><Relationship Id="rId52" Type="http://schemas.openxmlformats.org/officeDocument/2006/relationships/tags" Target="../tags/tag133.xml"/><Relationship Id="rId60" Type="http://schemas.openxmlformats.org/officeDocument/2006/relationships/tags" Target="../tags/tag141.xml"/><Relationship Id="rId65" Type="http://schemas.openxmlformats.org/officeDocument/2006/relationships/tags" Target="../tags/tag146.xml"/><Relationship Id="rId73" Type="http://schemas.openxmlformats.org/officeDocument/2006/relationships/tags" Target="../tags/tag154.xml"/><Relationship Id="rId78" Type="http://schemas.openxmlformats.org/officeDocument/2006/relationships/tags" Target="../tags/tag159.xml"/><Relationship Id="rId81" Type="http://schemas.openxmlformats.org/officeDocument/2006/relationships/tags" Target="../tags/tag162.xml"/><Relationship Id="rId86" Type="http://schemas.openxmlformats.org/officeDocument/2006/relationships/tags" Target="../tags/tag167.xml"/><Relationship Id="rId94" Type="http://schemas.openxmlformats.org/officeDocument/2006/relationships/tags" Target="../tags/tag175.xml"/><Relationship Id="rId99" Type="http://schemas.openxmlformats.org/officeDocument/2006/relationships/tags" Target="../tags/tag180.xml"/><Relationship Id="rId101" Type="http://schemas.openxmlformats.org/officeDocument/2006/relationships/tags" Target="../tags/tag182.xml"/><Relationship Id="rId4" Type="http://schemas.openxmlformats.org/officeDocument/2006/relationships/tags" Target="../tags/tag85.xml"/><Relationship Id="rId9" Type="http://schemas.openxmlformats.org/officeDocument/2006/relationships/tags" Target="../tags/tag90.xml"/><Relationship Id="rId13" Type="http://schemas.openxmlformats.org/officeDocument/2006/relationships/tags" Target="../tags/tag94.xml"/><Relationship Id="rId18" Type="http://schemas.openxmlformats.org/officeDocument/2006/relationships/tags" Target="../tags/tag99.xml"/><Relationship Id="rId39" Type="http://schemas.openxmlformats.org/officeDocument/2006/relationships/tags" Target="../tags/tag120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115.xml"/><Relationship Id="rId50" Type="http://schemas.openxmlformats.org/officeDocument/2006/relationships/tags" Target="../tags/tag131.xml"/><Relationship Id="rId55" Type="http://schemas.openxmlformats.org/officeDocument/2006/relationships/tags" Target="../tags/tag136.xml"/><Relationship Id="rId76" Type="http://schemas.openxmlformats.org/officeDocument/2006/relationships/tags" Target="../tags/tag157.xml"/><Relationship Id="rId97" Type="http://schemas.openxmlformats.org/officeDocument/2006/relationships/tags" Target="../tags/tag178.xml"/><Relationship Id="rId104" Type="http://schemas.openxmlformats.org/officeDocument/2006/relationships/tags" Target="../tags/tag185.xml"/><Relationship Id="rId7" Type="http://schemas.openxmlformats.org/officeDocument/2006/relationships/tags" Target="../tags/tag88.xml"/><Relationship Id="rId71" Type="http://schemas.openxmlformats.org/officeDocument/2006/relationships/tags" Target="../tags/tag152.xml"/><Relationship Id="rId92" Type="http://schemas.openxmlformats.org/officeDocument/2006/relationships/tags" Target="../tags/tag17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3">
            <a:lum/>
          </a:blip>
          <a:srcRect/>
          <a:stretch>
            <a:fillRect l="-5000" t="-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M_4ff8c561366f440e92ad7ad48be4ebb6_Connector1">
            <a:extLst>
              <a:ext uri="{FF2B5EF4-FFF2-40B4-BE49-F238E27FC236}">
                <a16:creationId xmlns:a16="http://schemas.microsoft.com/office/drawing/2014/main" id="{3F476CDB-A6B9-4273-93B2-798E4817923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96611" y="2286520"/>
            <a:ext cx="0" cy="58368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3b8d16e85e24473c9f3190ed7c5ab11f_Connector1">
            <a:extLst>
              <a:ext uri="{FF2B5EF4-FFF2-40B4-BE49-F238E27FC236}">
                <a16:creationId xmlns:a16="http://schemas.microsoft.com/office/drawing/2014/main" id="{6997FAFC-FB77-48F1-84F4-011FA3CF0CE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75298" y="3251201"/>
            <a:ext cx="0" cy="1835949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M_8e43475df2b94285a0d43fc3f0363ea8_Connector1">
            <a:extLst>
              <a:ext uri="{FF2B5EF4-FFF2-40B4-BE49-F238E27FC236}">
                <a16:creationId xmlns:a16="http://schemas.microsoft.com/office/drawing/2014/main" id="{FF61C2AE-0274-4BE6-BCAB-CFAEF1EB4F6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968786" y="1437694"/>
            <a:ext cx="0" cy="1432507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M_5c0eeb47db9345939475f26b2b05c3ba_Connector1">
            <a:extLst>
              <a:ext uri="{FF2B5EF4-FFF2-40B4-BE49-F238E27FC236}">
                <a16:creationId xmlns:a16="http://schemas.microsoft.com/office/drawing/2014/main" id="{611835A1-82D3-48C9-90C2-7FF040C3594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549062" y="2042712"/>
            <a:ext cx="0" cy="827489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7902e4cbf6dc420db3aaaba116f88b44_Connector1">
            <a:extLst>
              <a:ext uri="{FF2B5EF4-FFF2-40B4-BE49-F238E27FC236}">
                <a16:creationId xmlns:a16="http://schemas.microsoft.com/office/drawing/2014/main" id="{CC6F1E73-06EC-47DE-A930-20EA713394C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781363" y="3251200"/>
            <a:ext cx="0" cy="1037744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dc65a17e76d7472fbdc7ea5509da1ba2_Connector1">
            <a:extLst>
              <a:ext uri="{FF2B5EF4-FFF2-40B4-BE49-F238E27FC236}">
                <a16:creationId xmlns:a16="http://schemas.microsoft.com/office/drawing/2014/main" id="{826F2C6F-1D07-4D66-8717-BC67D8F7442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710249" y="510946"/>
            <a:ext cx="0" cy="87644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bc25acca21a8453ba3df761b3a7e7e5d_Connector1">
            <a:extLst>
              <a:ext uri="{FF2B5EF4-FFF2-40B4-BE49-F238E27FC236}">
                <a16:creationId xmlns:a16="http://schemas.microsoft.com/office/drawing/2014/main" id="{975EA387-847F-4DF4-82B4-4EDE29B4154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291796" y="3251201"/>
            <a:ext cx="0" cy="87330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M_f32bfc904380483d877a6a77621a7511_Connector1">
            <a:extLst>
              <a:ext uri="{FF2B5EF4-FFF2-40B4-BE49-F238E27FC236}">
                <a16:creationId xmlns:a16="http://schemas.microsoft.com/office/drawing/2014/main" id="{DD8008E3-5455-464A-926A-B4192D1C660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641042" y="3251200"/>
            <a:ext cx="0" cy="120264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M_62b2259747b74184a20f4550041debf6_Connector1">
            <a:extLst>
              <a:ext uri="{FF2B5EF4-FFF2-40B4-BE49-F238E27FC236}">
                <a16:creationId xmlns:a16="http://schemas.microsoft.com/office/drawing/2014/main" id="{56F315A0-24A5-41CA-B14D-9633AEB6936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989653" y="1541730"/>
            <a:ext cx="0" cy="132847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17e32859c0714762bdfbd988f3f8045e_Connector1">
            <a:extLst>
              <a:ext uri="{FF2B5EF4-FFF2-40B4-BE49-F238E27FC236}">
                <a16:creationId xmlns:a16="http://schemas.microsoft.com/office/drawing/2014/main" id="{86AEA1B9-F1FE-4810-B344-1A2B823B5EB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989970" y="3251199"/>
            <a:ext cx="0" cy="65522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M_5f2f6c42599b4fbf8a2f13ee66aecca1_Connector1">
            <a:extLst>
              <a:ext uri="{FF2B5EF4-FFF2-40B4-BE49-F238E27FC236}">
                <a16:creationId xmlns:a16="http://schemas.microsoft.com/office/drawing/2014/main" id="{D217DE27-6586-493A-A616-9D51AB64D30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222589" y="2263429"/>
            <a:ext cx="0" cy="60677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761d5abc6aab4382a1d7f5af7fb7ec64_Connector1">
            <a:extLst>
              <a:ext uri="{FF2B5EF4-FFF2-40B4-BE49-F238E27FC236}">
                <a16:creationId xmlns:a16="http://schemas.microsoft.com/office/drawing/2014/main" id="{6E0A1F85-0071-4A46-B9CB-956C9B31C30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965642" y="968321"/>
            <a:ext cx="0" cy="523104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6922c1c19952409d9373f5397d091a3b_Connector1">
            <a:extLst>
              <a:ext uri="{FF2B5EF4-FFF2-40B4-BE49-F238E27FC236}">
                <a16:creationId xmlns:a16="http://schemas.microsoft.com/office/drawing/2014/main" id="{A5243013-2872-4E1C-BE2F-EF06C73A132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546871" y="3251200"/>
            <a:ext cx="0" cy="109712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5e72e27bed9445d981b93c8ee925ae2e_Connector1">
            <a:extLst>
              <a:ext uri="{FF2B5EF4-FFF2-40B4-BE49-F238E27FC236}">
                <a16:creationId xmlns:a16="http://schemas.microsoft.com/office/drawing/2014/main" id="{E25C1439-876F-407B-BE34-5B48C20E0F1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127782" y="3251200"/>
            <a:ext cx="0" cy="59573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e7a07479a234452db23eba3379daf062_Connector1">
            <a:extLst>
              <a:ext uri="{FF2B5EF4-FFF2-40B4-BE49-F238E27FC236}">
                <a16:creationId xmlns:a16="http://schemas.microsoft.com/office/drawing/2014/main" id="{513E1285-7F07-4814-91CB-2F2B453F6A6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476392" y="3251199"/>
            <a:ext cx="0" cy="2159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d83c959a9e564342a48371f83b44567a_Connector1">
            <a:extLst>
              <a:ext uri="{FF2B5EF4-FFF2-40B4-BE49-F238E27FC236}">
                <a16:creationId xmlns:a16="http://schemas.microsoft.com/office/drawing/2014/main" id="{CD9F2C75-0267-4A8D-A901-C6707B078F9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824685" y="2200797"/>
            <a:ext cx="0" cy="66940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M_761d5abc6aab4382a1d7f5af7fb7ec64_Connector2">
            <a:extLst>
              <a:ext uri="{FF2B5EF4-FFF2-40B4-BE49-F238E27FC236}">
                <a16:creationId xmlns:a16="http://schemas.microsoft.com/office/drawing/2014/main" id="{6F16C145-AC15-47C5-91E3-5ABE7265C72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965642" y="1694118"/>
            <a:ext cx="0" cy="519007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dc65a17e76d7472fbdc7ea5509da1ba2_Connector2">
            <a:extLst>
              <a:ext uri="{FF2B5EF4-FFF2-40B4-BE49-F238E27FC236}">
                <a16:creationId xmlns:a16="http://schemas.microsoft.com/office/drawing/2014/main" id="{A6B192EC-D96D-47F4-8032-3E2756EF741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710249" y="1590081"/>
            <a:ext cx="0" cy="402326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761d5abc6aab4382a1d7f5af7fb7ec64_Connector3">
            <a:extLst>
              <a:ext uri="{FF2B5EF4-FFF2-40B4-BE49-F238E27FC236}">
                <a16:creationId xmlns:a16="http://schemas.microsoft.com/office/drawing/2014/main" id="{0C375BFE-E348-4675-AB48-1FB8BD040E2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965642" y="2415817"/>
            <a:ext cx="0" cy="45438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7a07479a234452db23eba3379daf062_Connector2">
            <a:extLst>
              <a:ext uri="{FF2B5EF4-FFF2-40B4-BE49-F238E27FC236}">
                <a16:creationId xmlns:a16="http://schemas.microsoft.com/office/drawing/2014/main" id="{21099B24-9271-490A-8061-0C69BA913D3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476392" y="3669792"/>
            <a:ext cx="0" cy="127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bc25acca21a8453ba3df761b3a7e7e5d_Connector2">
            <a:extLst>
              <a:ext uri="{FF2B5EF4-FFF2-40B4-BE49-F238E27FC236}">
                <a16:creationId xmlns:a16="http://schemas.microsoft.com/office/drawing/2014/main" id="{AE3FAB2A-62C6-4BF9-BCC0-3E5F04BFAA2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291796" y="4327192"/>
            <a:ext cx="0" cy="50649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f32bfc904380483d877a6a77621a7511_Connector2">
            <a:extLst>
              <a:ext uri="{FF2B5EF4-FFF2-40B4-BE49-F238E27FC236}">
                <a16:creationId xmlns:a16="http://schemas.microsoft.com/office/drawing/2014/main" id="{0821AEDF-8322-4A85-93D4-72BBBF8B68E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641042" y="4656539"/>
            <a:ext cx="0" cy="127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f32bfc904380483d877a6a77621a7511_Connector3">
            <a:extLst>
              <a:ext uri="{FF2B5EF4-FFF2-40B4-BE49-F238E27FC236}">
                <a16:creationId xmlns:a16="http://schemas.microsoft.com/office/drawing/2014/main" id="{41569A6E-03F7-4FAE-B8CA-D7548DF0C7A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641042" y="4871932"/>
            <a:ext cx="0" cy="78022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dc65a17e76d7472fbdc7ea5509da1ba2_Connector3">
            <a:extLst>
              <a:ext uri="{FF2B5EF4-FFF2-40B4-BE49-F238E27FC236}">
                <a16:creationId xmlns:a16="http://schemas.microsoft.com/office/drawing/2014/main" id="{D2092780-66D6-4904-83B1-76AF79882D2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710249" y="2195100"/>
            <a:ext cx="0" cy="67510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e7a07479a234452db23eba3379daf062_Connector3">
            <a:extLst>
              <a:ext uri="{FF2B5EF4-FFF2-40B4-BE49-F238E27FC236}">
                <a16:creationId xmlns:a16="http://schemas.microsoft.com/office/drawing/2014/main" id="{0097DD1C-4E7F-4924-843D-C2696D6D730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476392" y="3885184"/>
            <a:ext cx="0" cy="29869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e7a07479a234452db23eba3379daf062_Connector4">
            <a:extLst>
              <a:ext uri="{FF2B5EF4-FFF2-40B4-BE49-F238E27FC236}">
                <a16:creationId xmlns:a16="http://schemas.microsoft.com/office/drawing/2014/main" id="{DC191A9B-0C3E-472B-9E1C-0E75FCF3351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76392" y="4386574"/>
            <a:ext cx="0" cy="76068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49B937C-B2FF-4EAA-B567-5CF302A6203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67063" y="2870200"/>
            <a:ext cx="8940800" cy="3810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B5E9CF8-28C2-4932-8F31-5E3911711CC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30563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7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378FE1E-A39D-4366-B4C1-4CA08E1ED24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843140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86</a:t>
            </a:r>
          </a:p>
        </p:txBody>
      </p:sp>
      <p:sp>
        <p:nvSpPr>
          <p:cNvPr id="68" name="OTLSHAPE_TB_00000000000000000000000000000000_TimescaleInterval3">
            <a:extLst>
              <a:ext uri="{FF2B5EF4-FFF2-40B4-BE49-F238E27FC236}">
                <a16:creationId xmlns:a16="http://schemas.microsoft.com/office/drawing/2014/main" id="{01E48102-A93A-48E4-BC12-3EC51889366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55716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93</a:t>
            </a:r>
          </a:p>
        </p:txBody>
      </p:sp>
      <p:sp>
        <p:nvSpPr>
          <p:cNvPr id="70" name="OTLSHAPE_TB_00000000000000000000000000000000_TimescaleInterval4">
            <a:extLst>
              <a:ext uri="{FF2B5EF4-FFF2-40B4-BE49-F238E27FC236}">
                <a16:creationId xmlns:a16="http://schemas.microsoft.com/office/drawing/2014/main" id="{F07B4F78-C0F0-4769-815E-FFE94118D58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467976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00</a:t>
            </a:r>
          </a:p>
        </p:txBody>
      </p:sp>
      <p:sp>
        <p:nvSpPr>
          <p:cNvPr id="72" name="OTLSHAPE_TB_00000000000000000000000000000000_TimescaleInterval5">
            <a:extLst>
              <a:ext uri="{FF2B5EF4-FFF2-40B4-BE49-F238E27FC236}">
                <a16:creationId xmlns:a16="http://schemas.microsoft.com/office/drawing/2014/main" id="{34EA6CA1-7061-4C1E-9E3C-FBD4AEE2EAA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280234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07</a:t>
            </a:r>
          </a:p>
        </p:txBody>
      </p:sp>
      <p:sp>
        <p:nvSpPr>
          <p:cNvPr id="74" name="OTLSHAPE_TB_00000000000000000000000000000000_TimescaleInterval6">
            <a:extLst>
              <a:ext uri="{FF2B5EF4-FFF2-40B4-BE49-F238E27FC236}">
                <a16:creationId xmlns:a16="http://schemas.microsoft.com/office/drawing/2014/main" id="{727DC274-DCF7-4968-BDFD-368911E8B47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092812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14</a:t>
            </a:r>
          </a:p>
        </p:txBody>
      </p:sp>
      <p:sp>
        <p:nvSpPr>
          <p:cNvPr id="76" name="OTLSHAPE_TB_00000000000000000000000000000000_TimescaleInterval7">
            <a:extLst>
              <a:ext uri="{FF2B5EF4-FFF2-40B4-BE49-F238E27FC236}">
                <a16:creationId xmlns:a16="http://schemas.microsoft.com/office/drawing/2014/main" id="{FAFF2F92-378E-4050-ABF6-DD1175A8605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905388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921</a:t>
            </a:r>
          </a:p>
        </p:txBody>
      </p:sp>
      <p:sp>
        <p:nvSpPr>
          <p:cNvPr id="78" name="OTLSHAPE_TB_00000000000000000000000000000000_TimescaleInterval8">
            <a:extLst>
              <a:ext uri="{FF2B5EF4-FFF2-40B4-BE49-F238E27FC236}">
                <a16:creationId xmlns:a16="http://schemas.microsoft.com/office/drawing/2014/main" id="{7E30BC5D-7604-4888-8914-5B5FEA81055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717647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28</a:t>
            </a:r>
          </a:p>
        </p:txBody>
      </p:sp>
      <p:sp>
        <p:nvSpPr>
          <p:cNvPr id="80" name="OTLSHAPE_TB_00000000000000000000000000000000_TimescaleInterval9">
            <a:extLst>
              <a:ext uri="{FF2B5EF4-FFF2-40B4-BE49-F238E27FC236}">
                <a16:creationId xmlns:a16="http://schemas.microsoft.com/office/drawing/2014/main" id="{DA7A6A55-F277-4C57-B44B-6AFA596A31A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530224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935</a:t>
            </a:r>
          </a:p>
        </p:txBody>
      </p:sp>
      <p:sp>
        <p:nvSpPr>
          <p:cNvPr id="82" name="OTLSHAPE_TB_00000000000000000000000000000000_TimescaleInterval10">
            <a:extLst>
              <a:ext uri="{FF2B5EF4-FFF2-40B4-BE49-F238E27FC236}">
                <a16:creationId xmlns:a16="http://schemas.microsoft.com/office/drawing/2014/main" id="{83BE46A7-E90A-4799-A949-E5550EB8A58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42802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942</a:t>
            </a:r>
          </a:p>
        </p:txBody>
      </p:sp>
      <p:sp>
        <p:nvSpPr>
          <p:cNvPr id="84" name="OTLSHAPE_TB_00000000000000000000000000000000_TimescaleInterval11">
            <a:extLst>
              <a:ext uri="{FF2B5EF4-FFF2-40B4-BE49-F238E27FC236}">
                <a16:creationId xmlns:a16="http://schemas.microsoft.com/office/drawing/2014/main" id="{2AE5E3C1-748E-458A-B3DF-E942E545787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155378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4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516F3FF-5C2E-472A-BFF2-B4A431AEF814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779640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2">
            <a:extLst>
              <a:ext uri="{FF2B5EF4-FFF2-40B4-BE49-F238E27FC236}">
                <a16:creationId xmlns:a16="http://schemas.microsoft.com/office/drawing/2014/main" id="{6949B43A-E66A-4E87-A48A-17E26AC35C2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2592216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3">
            <a:extLst>
              <a:ext uri="{FF2B5EF4-FFF2-40B4-BE49-F238E27FC236}">
                <a16:creationId xmlns:a16="http://schemas.microsoft.com/office/drawing/2014/main" id="{E4554243-6C26-49F4-B9CA-483AE7287F6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3404476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4">
            <a:extLst>
              <a:ext uri="{FF2B5EF4-FFF2-40B4-BE49-F238E27FC236}">
                <a16:creationId xmlns:a16="http://schemas.microsoft.com/office/drawing/2014/main" id="{DFE11D39-9C5F-49D1-958D-784F266C7F65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4216734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>
            <a:extLst>
              <a:ext uri="{FF2B5EF4-FFF2-40B4-BE49-F238E27FC236}">
                <a16:creationId xmlns:a16="http://schemas.microsoft.com/office/drawing/2014/main" id="{55BB7A11-42C8-4B59-A36A-2F2F39ED557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5029312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6">
            <a:extLst>
              <a:ext uri="{FF2B5EF4-FFF2-40B4-BE49-F238E27FC236}">
                <a16:creationId xmlns:a16="http://schemas.microsoft.com/office/drawing/2014/main" id="{FCD9110A-8979-430D-A59B-F8FB8C6FE734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841888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7">
            <a:extLst>
              <a:ext uri="{FF2B5EF4-FFF2-40B4-BE49-F238E27FC236}">
                <a16:creationId xmlns:a16="http://schemas.microsoft.com/office/drawing/2014/main" id="{23C7CFB8-D2ED-4BEB-806F-16231FD20370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6654147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Separator8">
            <a:extLst>
              <a:ext uri="{FF2B5EF4-FFF2-40B4-BE49-F238E27FC236}">
                <a16:creationId xmlns:a16="http://schemas.microsoft.com/office/drawing/2014/main" id="{40376BDD-610E-418C-B11C-521A3DFA29DD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466724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9">
            <a:extLst>
              <a:ext uri="{FF2B5EF4-FFF2-40B4-BE49-F238E27FC236}">
                <a16:creationId xmlns:a16="http://schemas.microsoft.com/office/drawing/2014/main" id="{6840075C-2A1D-42A6-9888-6360848FB51F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279302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B_00000000000000000000000000000000_Separator10">
            <a:extLst>
              <a:ext uri="{FF2B5EF4-FFF2-40B4-BE49-F238E27FC236}">
                <a16:creationId xmlns:a16="http://schemas.microsoft.com/office/drawing/2014/main" id="{224B7718-4048-4512-8F6C-5AE0547B8605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091878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M_4ff8c561366f440e92ad7ad48be4ebb6_Title">
            <a:extLst>
              <a:ext uri="{FF2B5EF4-FFF2-40B4-BE49-F238E27FC236}">
                <a16:creationId xmlns:a16="http://schemas.microsoft.com/office/drawing/2014/main" id="{6EE66DA0-31A0-4D7A-88A9-A67A0CD884C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41061" y="2236216"/>
            <a:ext cx="160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>
                <a:solidFill>
                  <a:schemeClr val="accent4"/>
                </a:solidFill>
                <a:latin typeface="Segoe UI" panose="020B0502040204020203" pitchFamily="34" charset="0"/>
              </a:rPr>
              <a:t>Born in Ulm, Germany</a:t>
            </a:r>
            <a:endParaRPr lang="en-US" sz="1200" b="1" spc="-6" dirty="0">
              <a:solidFill>
                <a:schemeClr val="accent4"/>
              </a:solidFill>
              <a:latin typeface="Segoe UI" panose="020B0502040204020203" pitchFamily="34" charset="0"/>
            </a:endParaRPr>
          </a:p>
        </p:txBody>
      </p:sp>
      <p:sp>
        <p:nvSpPr>
          <p:cNvPr id="65" name="OTLSHAPE_M_4ff8c561366f440e92ad7ad48be4ebb6_Date">
            <a:extLst>
              <a:ext uri="{FF2B5EF4-FFF2-40B4-BE49-F238E27FC236}">
                <a16:creationId xmlns:a16="http://schemas.microsoft.com/office/drawing/2014/main" id="{65B85952-D06B-4F97-B8C1-324DA3E3CB2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41061" y="2451608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chemeClr val="lt1"/>
                </a:solidFill>
                <a:latin typeface="Segoe UI" panose="020B0502040204020203" pitchFamily="34" charset="0"/>
              </a:rPr>
              <a:t>1879</a:t>
            </a:r>
          </a:p>
        </p:txBody>
      </p:sp>
      <p:sp>
        <p:nvSpPr>
          <p:cNvPr id="144" name="OTLSHAPE_M_3b8d16e85e24473c9f3190ed7c5ab11f_Title">
            <a:extLst>
              <a:ext uri="{FF2B5EF4-FFF2-40B4-BE49-F238E27FC236}">
                <a16:creationId xmlns:a16="http://schemas.microsoft.com/office/drawing/2014/main" id="{FFD909CC-CC1F-4F39-B9C7-B621DB4A5AA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19748" y="4922706"/>
            <a:ext cx="298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Compass kindles his wonder and curiosity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45" name="OTLSHAPE_M_3b8d16e85e24473c9f3190ed7c5ab11f_Date">
            <a:extLst>
              <a:ext uri="{FF2B5EF4-FFF2-40B4-BE49-F238E27FC236}">
                <a16:creationId xmlns:a16="http://schemas.microsoft.com/office/drawing/2014/main" id="{8FA9F140-79E0-4405-8402-1B76A329BD2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619748" y="4707314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884</a:t>
            </a:r>
          </a:p>
        </p:txBody>
      </p:sp>
      <p:sp>
        <p:nvSpPr>
          <p:cNvPr id="147" name="OTLSHAPE_M_8e43475df2b94285a0d43fc3f0363ea8_Title">
            <a:extLst>
              <a:ext uri="{FF2B5EF4-FFF2-40B4-BE49-F238E27FC236}">
                <a16:creationId xmlns:a16="http://schemas.microsoft.com/office/drawing/2014/main" id="{A17BC1C6-4937-4CA7-88EF-10E03F2BEE3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013236" y="1387389"/>
            <a:ext cx="2184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EBEBEB"/>
                </a:solidFill>
                <a:latin typeface="Segoe UI" panose="020B0502040204020203" pitchFamily="34" charset="0"/>
              </a:rPr>
              <a:t>Renounces German citizenship</a:t>
            </a:r>
          </a:p>
        </p:txBody>
      </p:sp>
      <p:sp>
        <p:nvSpPr>
          <p:cNvPr id="148" name="OTLSHAPE_M_8e43475df2b94285a0d43fc3f0363ea8_Date">
            <a:extLst>
              <a:ext uri="{FF2B5EF4-FFF2-40B4-BE49-F238E27FC236}">
                <a16:creationId xmlns:a16="http://schemas.microsoft.com/office/drawing/2014/main" id="{EB0430FB-36E3-44FE-BE14-52D40FE8D66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013236" y="1602781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896</a:t>
            </a:r>
          </a:p>
        </p:txBody>
      </p:sp>
      <p:sp>
        <p:nvSpPr>
          <p:cNvPr id="150" name="OTLSHAPE_M_5c0eeb47db9345939475f26b2b05c3ba_Title">
            <a:extLst>
              <a:ext uri="{FF2B5EF4-FFF2-40B4-BE49-F238E27FC236}">
                <a16:creationId xmlns:a16="http://schemas.microsoft.com/office/drawing/2014/main" id="{A2EE9BA6-85F2-4228-8E4F-729360B2E00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593512" y="1992407"/>
            <a:ext cx="2032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Finishes first scientific paper</a:t>
            </a:r>
          </a:p>
        </p:txBody>
      </p:sp>
      <p:sp>
        <p:nvSpPr>
          <p:cNvPr id="151" name="OTLSHAPE_M_5c0eeb47db9345939475f26b2b05c3ba_Date">
            <a:extLst>
              <a:ext uri="{FF2B5EF4-FFF2-40B4-BE49-F238E27FC236}">
                <a16:creationId xmlns:a16="http://schemas.microsoft.com/office/drawing/2014/main" id="{28BC758A-90E8-4A0B-B798-B92193D8F83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593512" y="2207799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01</a:t>
            </a:r>
          </a:p>
        </p:txBody>
      </p:sp>
      <p:sp>
        <p:nvSpPr>
          <p:cNvPr id="153" name="OTLSHAPE_M_7902e4cbf6dc420db3aaaba116f88b44_Title">
            <a:extLst>
              <a:ext uri="{FF2B5EF4-FFF2-40B4-BE49-F238E27FC236}">
                <a16:creationId xmlns:a16="http://schemas.microsoft.com/office/drawing/2014/main" id="{4046E71B-97C9-42B8-BCA5-70A8D18E814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825813" y="4124501"/>
            <a:ext cx="1511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EBEBEB"/>
                </a:solidFill>
                <a:latin typeface="Segoe UI" panose="020B0502040204020203" pitchFamily="34" charset="0"/>
              </a:rPr>
              <a:t>Marries Mileva Maric</a:t>
            </a:r>
          </a:p>
        </p:txBody>
      </p:sp>
      <p:sp>
        <p:nvSpPr>
          <p:cNvPr id="154" name="OTLSHAPE_M_7902e4cbf6dc420db3aaaba116f88b44_Date">
            <a:extLst>
              <a:ext uri="{FF2B5EF4-FFF2-40B4-BE49-F238E27FC236}">
                <a16:creationId xmlns:a16="http://schemas.microsoft.com/office/drawing/2014/main" id="{6B44D695-928E-4B3A-829D-59CE02F179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825813" y="3909109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03</a:t>
            </a:r>
          </a:p>
        </p:txBody>
      </p:sp>
      <p:sp>
        <p:nvSpPr>
          <p:cNvPr id="156" name="OTLSHAPE_M_dc65a17e76d7472fbdc7ea5509da1ba2_Title">
            <a:extLst>
              <a:ext uri="{FF2B5EF4-FFF2-40B4-BE49-F238E27FC236}">
                <a16:creationId xmlns:a16="http://schemas.microsoft.com/office/drawing/2014/main" id="{91EF61FD-01FF-4834-8369-64511BA75C3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54699" y="460642"/>
            <a:ext cx="3771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Appointed professor at German University of Prague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57" name="OTLSHAPE_M_dc65a17e76d7472fbdc7ea5509da1ba2_Date">
            <a:extLst>
              <a:ext uri="{FF2B5EF4-FFF2-40B4-BE49-F238E27FC236}">
                <a16:creationId xmlns:a16="http://schemas.microsoft.com/office/drawing/2014/main" id="{0129AFA7-2481-4DF7-A61E-52F9FCEE5DF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754699" y="676034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1</a:t>
            </a:r>
          </a:p>
        </p:txBody>
      </p:sp>
      <p:sp>
        <p:nvSpPr>
          <p:cNvPr id="162" name="OTLSHAPE_M_bc25acca21a8453ba3df761b3a7e7e5d_Title">
            <a:extLst>
              <a:ext uri="{FF2B5EF4-FFF2-40B4-BE49-F238E27FC236}">
                <a16:creationId xmlns:a16="http://schemas.microsoft.com/office/drawing/2014/main" id="{FA6C320D-AC24-4E42-BD09-2ED2F2125C9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36246" y="4669239"/>
            <a:ext cx="2654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12" dirty="0">
                <a:solidFill>
                  <a:srgbClr val="EBEBEB"/>
                </a:solidFill>
                <a:latin typeface="Segoe UI" panose="020B0502040204020203" pitchFamily="34" charset="0"/>
              </a:rPr>
              <a:t>Publishes general theory of relativity </a:t>
            </a:r>
            <a:endParaRPr lang="en-US" sz="1200" b="1" spc="-1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63" name="OTLSHAPE_M_bc25acca21a8453ba3df761b3a7e7e5d_Date">
            <a:extLst>
              <a:ext uri="{FF2B5EF4-FFF2-40B4-BE49-F238E27FC236}">
                <a16:creationId xmlns:a16="http://schemas.microsoft.com/office/drawing/2014/main" id="{5E46B7BA-FDAA-4B99-9821-8E5D47C8835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36246" y="4453848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6</a:t>
            </a:r>
          </a:p>
        </p:txBody>
      </p:sp>
      <p:sp>
        <p:nvSpPr>
          <p:cNvPr id="168" name="OTLSHAPE_M_f32bfc904380483d877a6a77621a7511_Title">
            <a:extLst>
              <a:ext uri="{FF2B5EF4-FFF2-40B4-BE49-F238E27FC236}">
                <a16:creationId xmlns:a16="http://schemas.microsoft.com/office/drawing/2014/main" id="{E274ED5D-282E-4189-BF0E-973B91F9177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685492" y="5487717"/>
            <a:ext cx="3263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>
                <a:solidFill>
                  <a:srgbClr val="EBEBEB"/>
                </a:solidFill>
                <a:latin typeface="Segoe UI" panose="020B0502040204020203" pitchFamily="34" charset="0"/>
              </a:rPr>
              <a:t>Divorces Mileva Maric, marries his cousin Elsa</a:t>
            </a:r>
            <a:endParaRPr lang="en-US" sz="1200" b="1" spc="-2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69" name="OTLSHAPE_M_f32bfc904380483d877a6a77621a7511_Date">
            <a:extLst>
              <a:ext uri="{FF2B5EF4-FFF2-40B4-BE49-F238E27FC236}">
                <a16:creationId xmlns:a16="http://schemas.microsoft.com/office/drawing/2014/main" id="{57045A74-7308-4657-88FF-65F591F8E51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685492" y="5272325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9</a:t>
            </a:r>
          </a:p>
        </p:txBody>
      </p:sp>
      <p:sp>
        <p:nvSpPr>
          <p:cNvPr id="171" name="OTLSHAPE_M_62b2259747b74184a20f4550041debf6_Title">
            <a:extLst>
              <a:ext uri="{FF2B5EF4-FFF2-40B4-BE49-F238E27FC236}">
                <a16:creationId xmlns:a16="http://schemas.microsoft.com/office/drawing/2014/main" id="{700A3B09-F4B5-47D7-8DAE-B2C0FEE5FCB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034103" y="1491426"/>
            <a:ext cx="2108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First paper on Unified Theory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72" name="OTLSHAPE_M_62b2259747b74184a20f4550041debf6_Date">
            <a:extLst>
              <a:ext uri="{FF2B5EF4-FFF2-40B4-BE49-F238E27FC236}">
                <a16:creationId xmlns:a16="http://schemas.microsoft.com/office/drawing/2014/main" id="{4AA812E3-FCB5-44F6-BD1F-29123879CA2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034103" y="1706818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22</a:t>
            </a:r>
          </a:p>
        </p:txBody>
      </p:sp>
      <p:sp>
        <p:nvSpPr>
          <p:cNvPr id="174" name="OTLSHAPE_M_17e32859c0714762bdfbd988f3f8045e_Title">
            <a:extLst>
              <a:ext uri="{FF2B5EF4-FFF2-40B4-BE49-F238E27FC236}">
                <a16:creationId xmlns:a16="http://schemas.microsoft.com/office/drawing/2014/main" id="{16BF3A65-04D9-4DC2-A0ED-4F026D9ECDA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34420" y="3741979"/>
            <a:ext cx="2336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Awarded Nobel Prize for Physics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75" name="OTLSHAPE_M_17e32859c0714762bdfbd988f3f8045e_Date">
            <a:extLst>
              <a:ext uri="{FF2B5EF4-FFF2-40B4-BE49-F238E27FC236}">
                <a16:creationId xmlns:a16="http://schemas.microsoft.com/office/drawing/2014/main" id="{1C122F37-003A-4558-A881-C4EE6E316CE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034420" y="3526587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22</a:t>
            </a:r>
          </a:p>
        </p:txBody>
      </p:sp>
      <p:sp>
        <p:nvSpPr>
          <p:cNvPr id="177" name="OTLSHAPE_M_5f2f6c42599b4fbf8a2f13ee66aecca1_Title">
            <a:extLst>
              <a:ext uri="{FF2B5EF4-FFF2-40B4-BE49-F238E27FC236}">
                <a16:creationId xmlns:a16="http://schemas.microsoft.com/office/drawing/2014/main" id="{A9EE9928-A6EA-4421-8198-6E4AE23DB1D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267039" y="2213125"/>
            <a:ext cx="2235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">
                <a:solidFill>
                  <a:srgbClr val="EBEBEB"/>
                </a:solidFill>
                <a:latin typeface="Segoe UI" panose="020B0502040204020203" pitchFamily="34" charset="0"/>
              </a:rPr>
              <a:t>The "Einstein-Institute" is open</a:t>
            </a:r>
          </a:p>
        </p:txBody>
      </p:sp>
      <p:sp>
        <p:nvSpPr>
          <p:cNvPr id="178" name="OTLSHAPE_M_5f2f6c42599b4fbf8a2f13ee66aecca1_Date">
            <a:extLst>
              <a:ext uri="{FF2B5EF4-FFF2-40B4-BE49-F238E27FC236}">
                <a16:creationId xmlns:a16="http://schemas.microsoft.com/office/drawing/2014/main" id="{2D9ED2AD-0775-4E6F-95C9-4E7AF21B3BB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267039" y="2428517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24</a:t>
            </a:r>
          </a:p>
        </p:txBody>
      </p:sp>
      <p:sp>
        <p:nvSpPr>
          <p:cNvPr id="189" name="OTLSHAPE_M_761d5abc6aab4382a1d7f5af7fb7ec64_Title">
            <a:extLst>
              <a:ext uri="{FF2B5EF4-FFF2-40B4-BE49-F238E27FC236}">
                <a16:creationId xmlns:a16="http://schemas.microsoft.com/office/drawing/2014/main" id="{9FC9E655-AC79-4742-A05E-8D3A0E99AE9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010092" y="918018"/>
            <a:ext cx="2908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Letter to Roosevelt on nuclear weaponry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90" name="OTLSHAPE_M_761d5abc6aab4382a1d7f5af7fb7ec64_Date">
            <a:extLst>
              <a:ext uri="{FF2B5EF4-FFF2-40B4-BE49-F238E27FC236}">
                <a16:creationId xmlns:a16="http://schemas.microsoft.com/office/drawing/2014/main" id="{43D8A168-44D6-4201-8D29-2C62D545258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10092" y="113341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39</a:t>
            </a:r>
          </a:p>
        </p:txBody>
      </p:sp>
      <p:sp>
        <p:nvSpPr>
          <p:cNvPr id="195" name="OTLSHAPE_M_6922c1c19952409d9373f5397d091a3b_Title">
            <a:extLst>
              <a:ext uri="{FF2B5EF4-FFF2-40B4-BE49-F238E27FC236}">
                <a16:creationId xmlns:a16="http://schemas.microsoft.com/office/drawing/2014/main" id="{D05662A7-3947-4A45-A8B1-0322CF3395D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591321" y="4183882"/>
            <a:ext cx="341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Special relativity paper auctioned for $6 million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96" name="OTLSHAPE_M_6922c1c19952409d9373f5397d091a3b_Date">
            <a:extLst>
              <a:ext uri="{FF2B5EF4-FFF2-40B4-BE49-F238E27FC236}">
                <a16:creationId xmlns:a16="http://schemas.microsoft.com/office/drawing/2014/main" id="{B62717F3-5290-4997-A11A-5805356504F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591321" y="396849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44</a:t>
            </a:r>
          </a:p>
        </p:txBody>
      </p:sp>
      <p:sp>
        <p:nvSpPr>
          <p:cNvPr id="198" name="OTLSHAPE_M_5e72e27bed9445d981b93c8ee925ae2e_Title">
            <a:extLst>
              <a:ext uri="{FF2B5EF4-FFF2-40B4-BE49-F238E27FC236}">
                <a16:creationId xmlns:a16="http://schemas.microsoft.com/office/drawing/2014/main" id="{08862825-B6F4-4CF4-B89C-2830D7B3DCA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72232" y="3682492"/>
            <a:ext cx="2438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EBEBEB"/>
                </a:solidFill>
                <a:latin typeface="Segoe UI" panose="020B0502040204020203" pitchFamily="34" charset="0"/>
              </a:rPr>
              <a:t>Publishes Autobiographical Notes</a:t>
            </a:r>
          </a:p>
        </p:txBody>
      </p:sp>
      <p:sp>
        <p:nvSpPr>
          <p:cNvPr id="199" name="OTLSHAPE_M_5e72e27bed9445d981b93c8ee925ae2e_Date">
            <a:extLst>
              <a:ext uri="{FF2B5EF4-FFF2-40B4-BE49-F238E27FC236}">
                <a16:creationId xmlns:a16="http://schemas.microsoft.com/office/drawing/2014/main" id="{47C5FB41-3327-4B3D-A49A-EB7F15BC364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172232" y="346710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49</a:t>
            </a:r>
          </a:p>
        </p:txBody>
      </p:sp>
      <p:sp>
        <p:nvSpPr>
          <p:cNvPr id="201" name="OTLSHAPE_M_e7a07479a234452db23eba3379daf062_Title">
            <a:extLst>
              <a:ext uri="{FF2B5EF4-FFF2-40B4-BE49-F238E27FC236}">
                <a16:creationId xmlns:a16="http://schemas.microsoft.com/office/drawing/2014/main" id="{02722876-AA24-4F95-8A32-E712E626850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520842" y="4982813"/>
            <a:ext cx="1993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Offered presidency of Israel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202" name="OTLSHAPE_M_e7a07479a234452db23eba3379daf062_Date">
            <a:extLst>
              <a:ext uri="{FF2B5EF4-FFF2-40B4-BE49-F238E27FC236}">
                <a16:creationId xmlns:a16="http://schemas.microsoft.com/office/drawing/2014/main" id="{DC9ADA6B-A38C-40BE-A87E-45C8DD47C70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520842" y="4767421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52</a:t>
            </a:r>
          </a:p>
        </p:txBody>
      </p:sp>
      <p:sp>
        <p:nvSpPr>
          <p:cNvPr id="204" name="OTLSHAPE_M_d83c959a9e564342a48371f83b44567a_Title">
            <a:extLst>
              <a:ext uri="{FF2B5EF4-FFF2-40B4-BE49-F238E27FC236}">
                <a16:creationId xmlns:a16="http://schemas.microsoft.com/office/drawing/2014/main" id="{488BB1B6-15F6-469C-B007-B6BCC2DE6A8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869135" y="2150494"/>
            <a:ext cx="1905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chemeClr val="accent4"/>
                </a:solidFill>
                <a:latin typeface="Segoe UI" panose="020B0502040204020203" pitchFamily="34" charset="0"/>
              </a:rPr>
              <a:t>Dies at Princeton Hospital </a:t>
            </a:r>
            <a:endParaRPr lang="en-US" sz="1200" b="1" spc="-4" dirty="0">
              <a:solidFill>
                <a:schemeClr val="accent4"/>
              </a:solidFill>
              <a:latin typeface="Segoe UI" panose="020B0502040204020203" pitchFamily="34" charset="0"/>
            </a:endParaRPr>
          </a:p>
        </p:txBody>
      </p:sp>
      <p:sp>
        <p:nvSpPr>
          <p:cNvPr id="205" name="OTLSHAPE_M_d83c959a9e564342a48371f83b44567a_Date">
            <a:extLst>
              <a:ext uri="{FF2B5EF4-FFF2-40B4-BE49-F238E27FC236}">
                <a16:creationId xmlns:a16="http://schemas.microsoft.com/office/drawing/2014/main" id="{DA794BDC-3586-4A8E-83BD-49FBDE3E1E1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869135" y="2365886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chemeClr val="lt1"/>
                </a:solidFill>
                <a:latin typeface="Segoe UI" panose="020B0502040204020203" pitchFamily="34" charset="0"/>
              </a:rPr>
              <a:t>1955</a:t>
            </a:r>
          </a:p>
        </p:txBody>
      </p:sp>
      <p:pic>
        <p:nvPicPr>
          <p:cNvPr id="224" name="Picture 22" descr="Image result for atoms no background white free">
            <a:extLst>
              <a:ext uri="{FF2B5EF4-FFF2-40B4-BE49-F238E27FC236}">
                <a16:creationId xmlns:a16="http://schemas.microsoft.com/office/drawing/2014/main" id="{11C78DEE-2BD4-46B1-B8CF-0F8A82A50D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98701" y="1851465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1" name="Picture 22" descr="Image result for atoms no background white free">
            <a:extLst>
              <a:ext uri="{FF2B5EF4-FFF2-40B4-BE49-F238E27FC236}">
                <a16:creationId xmlns:a16="http://schemas.microsoft.com/office/drawing/2014/main" id="{00F4D7F6-52FF-466C-9BC5-96B27C4578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4628917" y="312609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2" name="Picture 22" descr="Image result for atoms no background white free">
            <a:extLst>
              <a:ext uri="{FF2B5EF4-FFF2-40B4-BE49-F238E27FC236}">
                <a16:creationId xmlns:a16="http://schemas.microsoft.com/office/drawing/2014/main" id="{103ECC3E-1E5B-42BD-8B4C-1176559828C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6126157" y="2046708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3" name="Picture 22" descr="Image result for atoms no background white free">
            <a:extLst>
              <a:ext uri="{FF2B5EF4-FFF2-40B4-BE49-F238E27FC236}">
                <a16:creationId xmlns:a16="http://schemas.microsoft.com/office/drawing/2014/main" id="{A7CB32FF-4E8D-4159-A51C-88171B1CF8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3455111" y="1834129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4" name="Picture 22" descr="Image result for atoms no background white free">
            <a:extLst>
              <a:ext uri="{FF2B5EF4-FFF2-40B4-BE49-F238E27FC236}">
                <a16:creationId xmlns:a16="http://schemas.microsoft.com/office/drawing/2014/main" id="{13EB15C9-C75F-4A3F-94BF-6BDD1F354D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201458" y="484237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5" name="Picture 22" descr="Image result for atoms no background white free">
            <a:extLst>
              <a:ext uri="{FF2B5EF4-FFF2-40B4-BE49-F238E27FC236}">
                <a16:creationId xmlns:a16="http://schemas.microsoft.com/office/drawing/2014/main" id="{D454C19C-1567-4D9A-88D8-D92CCF154D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2875135" y="1223599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6" name="Picture 22" descr="Image result for atoms no background white free">
            <a:extLst>
              <a:ext uri="{FF2B5EF4-FFF2-40B4-BE49-F238E27FC236}">
                <a16:creationId xmlns:a16="http://schemas.microsoft.com/office/drawing/2014/main" id="{493C9FEA-8842-48B7-BDCA-2F3D80BD5E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3692356" y="4293301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9" name="Picture 22" descr="Image result for atoms no background white free">
            <a:extLst>
              <a:ext uri="{FF2B5EF4-FFF2-40B4-BE49-F238E27FC236}">
                <a16:creationId xmlns:a16="http://schemas.microsoft.com/office/drawing/2014/main" id="{94FBE010-7994-43AF-82F8-03A7BEB61B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8453964" y="4360369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3" name="Picture 22" descr="Image result for atoms no background white free">
            <a:extLst>
              <a:ext uri="{FF2B5EF4-FFF2-40B4-BE49-F238E27FC236}">
                <a16:creationId xmlns:a16="http://schemas.microsoft.com/office/drawing/2014/main" id="{FFFD1EE1-7E2A-491C-B310-AA56CAD93C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872735" y="760300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6" name="Picture 22" descr="Image result for atoms no background white free">
            <a:extLst>
              <a:ext uri="{FF2B5EF4-FFF2-40B4-BE49-F238E27FC236}">
                <a16:creationId xmlns:a16="http://schemas.microsoft.com/office/drawing/2014/main" id="{4EA1D881-CA35-49E0-89E5-C830CAFA95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547576" y="565833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9" name="Picture 22" descr="Image result for atoms no background white free">
            <a:extLst>
              <a:ext uri="{FF2B5EF4-FFF2-40B4-BE49-F238E27FC236}">
                <a16:creationId xmlns:a16="http://schemas.microsoft.com/office/drawing/2014/main" id="{53989097-1A94-4991-AECA-0CDCC241E99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383485" y="5148570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1" name="Picture 22" descr="Image result for atoms no background white free">
            <a:extLst>
              <a:ext uri="{FF2B5EF4-FFF2-40B4-BE49-F238E27FC236}">
                <a16:creationId xmlns:a16="http://schemas.microsoft.com/office/drawing/2014/main" id="{FEC0CCAA-E000-4918-AB27-91ED346C53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034875" y="3850433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" name="Picture 22" descr="Image result for atoms no background white free">
            <a:extLst>
              <a:ext uri="{FF2B5EF4-FFF2-40B4-BE49-F238E27FC236}">
                <a16:creationId xmlns:a16="http://schemas.microsoft.com/office/drawing/2014/main" id="{48C3538C-A178-4A82-BE1C-E0A92CBC00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643835" y="1771114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" name="Picture 22" descr="Image result for atoms no background white free">
            <a:extLst>
              <a:ext uri="{FF2B5EF4-FFF2-40B4-BE49-F238E27FC236}">
                <a16:creationId xmlns:a16="http://schemas.microsoft.com/office/drawing/2014/main" id="{6C45CD9C-92FA-4454-B82C-265F731231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805383" y="3911963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8" name="Picture 22" descr="Image result for atoms no background white free">
            <a:extLst>
              <a:ext uri="{FF2B5EF4-FFF2-40B4-BE49-F238E27FC236}">
                <a16:creationId xmlns:a16="http://schemas.microsoft.com/office/drawing/2014/main" id="{3C7FBE6B-F9A9-47F5-95A8-9CA674DD86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805383" y="1138836"/>
            <a:ext cx="370462" cy="413433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" name="Picture 22" descr="Image result for atoms no background white free">
            <a:extLst>
              <a:ext uri="{FF2B5EF4-FFF2-40B4-BE49-F238E27FC236}">
                <a16:creationId xmlns:a16="http://schemas.microsoft.com/office/drawing/2014/main" id="{2D73398F-C7F7-4BD4-AB3C-63E72D5948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483284" y="5081822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1" name="Picture 120">
            <a:extLst>
              <a:ext uri="{FF2B5EF4-FFF2-40B4-BE49-F238E27FC236}">
                <a16:creationId xmlns:a16="http://schemas.microsoft.com/office/drawing/2014/main" id="{0D09B5B2-B0C6-4AE2-8803-3919DDDDB35C}"/>
              </a:ext>
            </a:extLst>
          </p:cNvPr>
          <p:cNvPicPr>
            <a:picLocks noChangeAspect="1"/>
          </p:cNvPicPr>
          <p:nvPr/>
        </p:nvPicPr>
        <p:blipFill>
          <a:blip r:embed="rId8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6100" y="6443284"/>
            <a:ext cx="1232965" cy="190239"/>
          </a:xfrm>
          <a:prstGeom prst="rect">
            <a:avLst/>
          </a:prstGeom>
        </p:spPr>
      </p:pic>
      <p:sp>
        <p:nvSpPr>
          <p:cNvPr id="123" name="TextBox 122">
            <a:extLst>
              <a:ext uri="{FF2B5EF4-FFF2-40B4-BE49-F238E27FC236}">
                <a16:creationId xmlns:a16="http://schemas.microsoft.com/office/drawing/2014/main" id="{79665CE4-E446-426E-A196-77A368A33E93}"/>
              </a:ext>
            </a:extLst>
          </p:cNvPr>
          <p:cNvSpPr txBox="1"/>
          <p:nvPr/>
        </p:nvSpPr>
        <p:spPr>
          <a:xfrm>
            <a:off x="9823088" y="6401774"/>
            <a:ext cx="132408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bg1">
                    <a:lumMod val="9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de wi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88764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0">
            <a:lum/>
          </a:blip>
          <a:srcRect/>
          <a:stretch>
            <a:fillRect l="-5000" t="-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M_4ff8c561366f440e92ad7ad48be4ebb6_Connector1">
            <a:extLst>
              <a:ext uri="{FF2B5EF4-FFF2-40B4-BE49-F238E27FC236}">
                <a16:creationId xmlns:a16="http://schemas.microsoft.com/office/drawing/2014/main" id="{3F476CDB-A6B9-4273-93B2-798E4817923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96611" y="1277577"/>
            <a:ext cx="0" cy="159262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M_3ba419797b4b460f98707cf158df0d02_Connector1">
            <a:extLst>
              <a:ext uri="{FF2B5EF4-FFF2-40B4-BE49-F238E27FC236}">
                <a16:creationId xmlns:a16="http://schemas.microsoft.com/office/drawing/2014/main" id="{6B3AD88E-88AA-4EB2-BFE5-A835AB7B001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110378" y="3251200"/>
            <a:ext cx="0" cy="189911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3b8d16e85e24473c9f3190ed7c5ab11f_Connector1">
            <a:extLst>
              <a:ext uri="{FF2B5EF4-FFF2-40B4-BE49-F238E27FC236}">
                <a16:creationId xmlns:a16="http://schemas.microsoft.com/office/drawing/2014/main" id="{6997FAFC-FB77-48F1-84F4-011FA3CF0CE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575298" y="1809961"/>
            <a:ext cx="0" cy="1060239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M_8e43475df2b94285a0d43fc3f0363ea8_Connector1">
            <a:extLst>
              <a:ext uri="{FF2B5EF4-FFF2-40B4-BE49-F238E27FC236}">
                <a16:creationId xmlns:a16="http://schemas.microsoft.com/office/drawing/2014/main" id="{FF61C2AE-0274-4BE6-BCAB-CFAEF1EB4F6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968786" y="3251200"/>
            <a:ext cx="0" cy="173466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M_5c0eeb47db9345939475f26b2b05c3ba_Connector1">
            <a:extLst>
              <a:ext uri="{FF2B5EF4-FFF2-40B4-BE49-F238E27FC236}">
                <a16:creationId xmlns:a16="http://schemas.microsoft.com/office/drawing/2014/main" id="{611835A1-82D3-48C9-90C2-7FF040C3594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549062" y="2207310"/>
            <a:ext cx="0" cy="66289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7902e4cbf6dc420db3aaaba116f88b44_Connector1">
            <a:extLst>
              <a:ext uri="{FF2B5EF4-FFF2-40B4-BE49-F238E27FC236}">
                <a16:creationId xmlns:a16="http://schemas.microsoft.com/office/drawing/2014/main" id="{CC6F1E73-06EC-47DE-A930-20EA713394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781363" y="3251200"/>
            <a:ext cx="0" cy="578844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dc65a17e76d7472fbdc7ea5509da1ba2_Connector1">
            <a:extLst>
              <a:ext uri="{FF2B5EF4-FFF2-40B4-BE49-F238E27FC236}">
                <a16:creationId xmlns:a16="http://schemas.microsoft.com/office/drawing/2014/main" id="{826F2C6F-1D07-4D66-8717-BC67D8F7442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710249" y="374975"/>
            <a:ext cx="0" cy="178203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M_404f2206933d4c1282df566ca18b8396_Connector1">
            <a:extLst>
              <a:ext uri="{FF2B5EF4-FFF2-40B4-BE49-F238E27FC236}">
                <a16:creationId xmlns:a16="http://schemas.microsoft.com/office/drawing/2014/main" id="{99746F71-4477-4C9A-AA1C-61DBEC13C67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058860" y="3251200"/>
            <a:ext cx="0" cy="41440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bc25acca21a8453ba3df761b3a7e7e5d_Connector1">
            <a:extLst>
              <a:ext uri="{FF2B5EF4-FFF2-40B4-BE49-F238E27FC236}">
                <a16:creationId xmlns:a16="http://schemas.microsoft.com/office/drawing/2014/main" id="{975EA387-847F-4DF4-82B4-4EDE29B4154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291796" y="1545663"/>
            <a:ext cx="0" cy="61134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1731c549c8c04738aaebfee48dd93db8_Connector1">
            <a:extLst>
              <a:ext uri="{FF2B5EF4-FFF2-40B4-BE49-F238E27FC236}">
                <a16:creationId xmlns:a16="http://schemas.microsoft.com/office/drawing/2014/main" id="{B2D564E6-DAAE-4546-9AAE-4A330800B2B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408106" y="3251200"/>
            <a:ext cx="0" cy="123903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M_f32bfc904380483d877a6a77621a7511_Connector1">
            <a:extLst>
              <a:ext uri="{FF2B5EF4-FFF2-40B4-BE49-F238E27FC236}">
                <a16:creationId xmlns:a16="http://schemas.microsoft.com/office/drawing/2014/main" id="{DD8008E3-5455-464A-926A-B4192D1C660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641042" y="3251200"/>
            <a:ext cx="0" cy="1454424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M_62b2259747b74184a20f4550041debf6_Connector1">
            <a:extLst>
              <a:ext uri="{FF2B5EF4-FFF2-40B4-BE49-F238E27FC236}">
                <a16:creationId xmlns:a16="http://schemas.microsoft.com/office/drawing/2014/main" id="{56F315A0-24A5-41CA-B14D-9633AEB6936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989653" y="869197"/>
            <a:ext cx="0" cy="62616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17e32859c0714762bdfbd988f3f8045e_Connector1">
            <a:extLst>
              <a:ext uri="{FF2B5EF4-FFF2-40B4-BE49-F238E27FC236}">
                <a16:creationId xmlns:a16="http://schemas.microsoft.com/office/drawing/2014/main" id="{86AEA1B9-F1FE-4810-B344-1A2B823B5EB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989970" y="3251200"/>
            <a:ext cx="0" cy="59573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M_5f2f6c42599b4fbf8a2f13ee66aecca1_Connector1">
            <a:extLst>
              <a:ext uri="{FF2B5EF4-FFF2-40B4-BE49-F238E27FC236}">
                <a16:creationId xmlns:a16="http://schemas.microsoft.com/office/drawing/2014/main" id="{D217DE27-6586-493A-A616-9D51AB64D30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22589" y="2286520"/>
            <a:ext cx="0" cy="58368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M_ccce30e92bfd416892ee3556d38fba50_Connector1">
            <a:extLst>
              <a:ext uri="{FF2B5EF4-FFF2-40B4-BE49-F238E27FC236}">
                <a16:creationId xmlns:a16="http://schemas.microsoft.com/office/drawing/2014/main" id="{0BC05B68-FA87-4FEE-B4A3-AE1222CFA7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687191" y="3251199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M_ccce30e92bfd416892ee3556d38fba50_Connector2">
            <a:extLst>
              <a:ext uri="{FF2B5EF4-FFF2-40B4-BE49-F238E27FC236}">
                <a16:creationId xmlns:a16="http://schemas.microsoft.com/office/drawing/2014/main" id="{7FFCAA76-2FCC-4345-923D-656B53D2A75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687191" y="3885184"/>
            <a:ext cx="0" cy="41751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ec1a3196a01d49689ad7b40ce0d2938a_Connector1">
            <a:extLst>
              <a:ext uri="{FF2B5EF4-FFF2-40B4-BE49-F238E27FC236}">
                <a16:creationId xmlns:a16="http://schemas.microsoft.com/office/drawing/2014/main" id="{D01A41AC-81A0-48DE-AAB7-C616454ED9E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616713" y="3251199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761d5abc6aab4382a1d7f5af7fb7ec64_Connector1">
            <a:extLst>
              <a:ext uri="{FF2B5EF4-FFF2-40B4-BE49-F238E27FC236}">
                <a16:creationId xmlns:a16="http://schemas.microsoft.com/office/drawing/2014/main" id="{6E0A1F85-0071-4A46-B9CB-956C9B31C30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965642" y="1526668"/>
            <a:ext cx="0" cy="709549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54495422a21f4cde85628852775c984d_Connector1">
            <a:extLst>
              <a:ext uri="{FF2B5EF4-FFF2-40B4-BE49-F238E27FC236}">
                <a16:creationId xmlns:a16="http://schemas.microsoft.com/office/drawing/2014/main" id="{BC38B8D2-1C6A-4F3B-A040-9EC701BC184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082269" y="3251200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6922c1c19952409d9373f5397d091a3b_Connector1">
            <a:extLst>
              <a:ext uri="{FF2B5EF4-FFF2-40B4-BE49-F238E27FC236}">
                <a16:creationId xmlns:a16="http://schemas.microsoft.com/office/drawing/2014/main" id="{A5243013-2872-4E1C-BE2F-EF06C73A132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546871" y="3251200"/>
            <a:ext cx="0" cy="59573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5e72e27bed9445d981b93c8ee925ae2e_Connector1">
            <a:extLst>
              <a:ext uri="{FF2B5EF4-FFF2-40B4-BE49-F238E27FC236}">
                <a16:creationId xmlns:a16="http://schemas.microsoft.com/office/drawing/2014/main" id="{E25C1439-876F-407B-BE34-5B48C20E0F1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127782" y="2286520"/>
            <a:ext cx="0" cy="58368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e7a07479a234452db23eba3379daf062_Connector1">
            <a:extLst>
              <a:ext uri="{FF2B5EF4-FFF2-40B4-BE49-F238E27FC236}">
                <a16:creationId xmlns:a16="http://schemas.microsoft.com/office/drawing/2014/main" id="{513E1285-7F07-4814-91CB-2F2B453F6A6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476392" y="3251199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d83c959a9e564342a48371f83b44567a_Connector1">
            <a:extLst>
              <a:ext uri="{FF2B5EF4-FFF2-40B4-BE49-F238E27FC236}">
                <a16:creationId xmlns:a16="http://schemas.microsoft.com/office/drawing/2014/main" id="{CD9F2C75-0267-4A8D-A901-C6707B078F9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824685" y="834573"/>
            <a:ext cx="0" cy="64179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M_f32bfc904380483d877a6a77621a7511_Connector2">
            <a:extLst>
              <a:ext uri="{FF2B5EF4-FFF2-40B4-BE49-F238E27FC236}">
                <a16:creationId xmlns:a16="http://schemas.microsoft.com/office/drawing/2014/main" id="{E860F00E-F21A-48DA-AC20-B749E443A5B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641042" y="4908317"/>
            <a:ext cx="0" cy="76933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M_1731c549c8c04738aaebfee48dd93db8_Connector2">
            <a:extLst>
              <a:ext uri="{FF2B5EF4-FFF2-40B4-BE49-F238E27FC236}">
                <a16:creationId xmlns:a16="http://schemas.microsoft.com/office/drawing/2014/main" id="{0115A95D-82C3-4F61-B550-CD0CF50EBEB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408106" y="4692924"/>
            <a:ext cx="0" cy="127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M_1731c549c8c04738aaebfee48dd93db8_Connector3">
            <a:extLst>
              <a:ext uri="{FF2B5EF4-FFF2-40B4-BE49-F238E27FC236}">
                <a16:creationId xmlns:a16="http://schemas.microsoft.com/office/drawing/2014/main" id="{F2EF8187-1B50-4A38-985D-8162669CD85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408106" y="4908317"/>
            <a:ext cx="0" cy="144200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M_54495422a21f4cde85628852775c984d_Connector2">
            <a:extLst>
              <a:ext uri="{FF2B5EF4-FFF2-40B4-BE49-F238E27FC236}">
                <a16:creationId xmlns:a16="http://schemas.microsoft.com/office/drawing/2014/main" id="{BC90E3B8-7B2A-40AB-BD3A-B41B321A036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082269" y="3885184"/>
            <a:ext cx="0" cy="25307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dc65a17e76d7472fbdc7ea5509da1ba2_Connector2">
            <a:extLst>
              <a:ext uri="{FF2B5EF4-FFF2-40B4-BE49-F238E27FC236}">
                <a16:creationId xmlns:a16="http://schemas.microsoft.com/office/drawing/2014/main" id="{A6B192EC-D96D-47F4-8032-3E2756EF741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710249" y="2359698"/>
            <a:ext cx="0" cy="51050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62b2259747b74184a20f4550041debf6_Connector2">
            <a:extLst>
              <a:ext uri="{FF2B5EF4-FFF2-40B4-BE49-F238E27FC236}">
                <a16:creationId xmlns:a16="http://schemas.microsoft.com/office/drawing/2014/main" id="{3B7307A1-543C-43F1-A098-A466E380D667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989653" y="1900742"/>
            <a:ext cx="0" cy="969458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404f2206933d4c1282df566ca18b8396_Connector2">
            <a:extLst>
              <a:ext uri="{FF2B5EF4-FFF2-40B4-BE49-F238E27FC236}">
                <a16:creationId xmlns:a16="http://schemas.microsoft.com/office/drawing/2014/main" id="{CB1FABFE-F3D3-4B0C-AD65-10AEC32160B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058860" y="3868293"/>
            <a:ext cx="0" cy="100177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ec1a3196a01d49689ad7b40ce0d2938a_Connector2">
            <a:extLst>
              <a:ext uri="{FF2B5EF4-FFF2-40B4-BE49-F238E27FC236}">
                <a16:creationId xmlns:a16="http://schemas.microsoft.com/office/drawing/2014/main" id="{0C70F280-5A37-4723-BA8E-0387AA16094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616713" y="3885184"/>
            <a:ext cx="0" cy="25307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4495422a21f4cde85628852775c984d_Connector3">
            <a:extLst>
              <a:ext uri="{FF2B5EF4-FFF2-40B4-BE49-F238E27FC236}">
                <a16:creationId xmlns:a16="http://schemas.microsoft.com/office/drawing/2014/main" id="{88F97E5C-DD0E-4FE5-A634-FD1C1E3EB2C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082269" y="4340951"/>
            <a:ext cx="0" cy="20090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7a07479a234452db23eba3379daf062_Connector2">
            <a:extLst>
              <a:ext uri="{FF2B5EF4-FFF2-40B4-BE49-F238E27FC236}">
                <a16:creationId xmlns:a16="http://schemas.microsoft.com/office/drawing/2014/main" id="{21099B24-9271-490A-8061-0C69BA913D37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476392" y="3885184"/>
            <a:ext cx="0" cy="25307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d83c959a9e564342a48371f83b44567a_Connector2">
            <a:extLst>
              <a:ext uri="{FF2B5EF4-FFF2-40B4-BE49-F238E27FC236}">
                <a16:creationId xmlns:a16="http://schemas.microsoft.com/office/drawing/2014/main" id="{35E50EAE-1DBD-44D2-B0FD-AFD932C970C8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824685" y="1679055"/>
            <a:ext cx="0" cy="55716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d83c959a9e564342a48371f83b44567a_Connector3">
            <a:extLst>
              <a:ext uri="{FF2B5EF4-FFF2-40B4-BE49-F238E27FC236}">
                <a16:creationId xmlns:a16="http://schemas.microsoft.com/office/drawing/2014/main" id="{1B80424B-F8CF-4F8A-B23D-3CB6D093DFD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824685" y="2438908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8e43475df2b94285a0d43fc3f0363ea8_Connector2">
            <a:extLst>
              <a:ext uri="{FF2B5EF4-FFF2-40B4-BE49-F238E27FC236}">
                <a16:creationId xmlns:a16="http://schemas.microsoft.com/office/drawing/2014/main" id="{8F37E96E-F4F0-43D0-81FF-8C23B48AD778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2968786" y="5188560"/>
            <a:ext cx="0" cy="655566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c1a3196a01d49689ad7b40ce0d2938a_Connector3">
            <a:extLst>
              <a:ext uri="{FF2B5EF4-FFF2-40B4-BE49-F238E27FC236}">
                <a16:creationId xmlns:a16="http://schemas.microsoft.com/office/drawing/2014/main" id="{2CFCF8EB-93A8-4912-8AAE-6617F6DAA01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616713" y="4340951"/>
            <a:ext cx="0" cy="365345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e7a07479a234452db23eba3379daf062_Connector3">
            <a:extLst>
              <a:ext uri="{FF2B5EF4-FFF2-40B4-BE49-F238E27FC236}">
                <a16:creationId xmlns:a16="http://schemas.microsoft.com/office/drawing/2014/main" id="{C6766B93-FD09-4B09-91CF-65D2628AD6D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476392" y="4340950"/>
            <a:ext cx="0" cy="559859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54495422a21f4cde85628852775c984d_Connector4">
            <a:extLst>
              <a:ext uri="{FF2B5EF4-FFF2-40B4-BE49-F238E27FC236}">
                <a16:creationId xmlns:a16="http://schemas.microsoft.com/office/drawing/2014/main" id="{88978C9E-D7DC-4E66-A955-68DFFA1F90B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082269" y="4744545"/>
            <a:ext cx="0" cy="57289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bc25acca21a8453ba3df761b3a7e7e5d_Connector2">
            <a:extLst>
              <a:ext uri="{FF2B5EF4-FFF2-40B4-BE49-F238E27FC236}">
                <a16:creationId xmlns:a16="http://schemas.microsoft.com/office/drawing/2014/main" id="{5492840A-A5B9-4519-9F17-BC2A1991D4B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291796" y="2359697"/>
            <a:ext cx="0" cy="510503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761d5abc6aab4382a1d7f5af7fb7ec64_Connector2">
            <a:extLst>
              <a:ext uri="{FF2B5EF4-FFF2-40B4-BE49-F238E27FC236}">
                <a16:creationId xmlns:a16="http://schemas.microsoft.com/office/drawing/2014/main" id="{36DFC657-EEFD-4C63-8566-7542CCC77CF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965642" y="2438908"/>
            <a:ext cx="0" cy="43129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49B937C-B2FF-4EAA-B567-5CF302A6203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67063" y="2870200"/>
            <a:ext cx="8940800" cy="3810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B5E9CF8-28C2-4932-8F31-5E3911711CC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30563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7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378FE1E-A39D-4366-B4C1-4CA08E1ED24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843140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86</a:t>
            </a:r>
          </a:p>
        </p:txBody>
      </p:sp>
      <p:sp>
        <p:nvSpPr>
          <p:cNvPr id="68" name="OTLSHAPE_TB_00000000000000000000000000000000_TimescaleInterval3">
            <a:extLst>
              <a:ext uri="{FF2B5EF4-FFF2-40B4-BE49-F238E27FC236}">
                <a16:creationId xmlns:a16="http://schemas.microsoft.com/office/drawing/2014/main" id="{01E48102-A93A-48E4-BC12-3EC51889366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55716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893</a:t>
            </a:r>
          </a:p>
        </p:txBody>
      </p:sp>
      <p:sp>
        <p:nvSpPr>
          <p:cNvPr id="70" name="OTLSHAPE_TB_00000000000000000000000000000000_TimescaleInterval4">
            <a:extLst>
              <a:ext uri="{FF2B5EF4-FFF2-40B4-BE49-F238E27FC236}">
                <a16:creationId xmlns:a16="http://schemas.microsoft.com/office/drawing/2014/main" id="{F07B4F78-C0F0-4769-815E-FFE94118D58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467976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00</a:t>
            </a:r>
          </a:p>
        </p:txBody>
      </p:sp>
      <p:sp>
        <p:nvSpPr>
          <p:cNvPr id="72" name="OTLSHAPE_TB_00000000000000000000000000000000_TimescaleInterval5">
            <a:extLst>
              <a:ext uri="{FF2B5EF4-FFF2-40B4-BE49-F238E27FC236}">
                <a16:creationId xmlns:a16="http://schemas.microsoft.com/office/drawing/2014/main" id="{34EA6CA1-7061-4C1E-9E3C-FBD4AEE2EAA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280234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07</a:t>
            </a:r>
          </a:p>
        </p:txBody>
      </p:sp>
      <p:sp>
        <p:nvSpPr>
          <p:cNvPr id="74" name="OTLSHAPE_TB_00000000000000000000000000000000_TimescaleInterval6">
            <a:extLst>
              <a:ext uri="{FF2B5EF4-FFF2-40B4-BE49-F238E27FC236}">
                <a16:creationId xmlns:a16="http://schemas.microsoft.com/office/drawing/2014/main" id="{727DC274-DCF7-4968-BDFD-368911E8B47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092812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14</a:t>
            </a:r>
          </a:p>
        </p:txBody>
      </p:sp>
      <p:sp>
        <p:nvSpPr>
          <p:cNvPr id="76" name="OTLSHAPE_TB_00000000000000000000000000000000_TimescaleInterval7">
            <a:extLst>
              <a:ext uri="{FF2B5EF4-FFF2-40B4-BE49-F238E27FC236}">
                <a16:creationId xmlns:a16="http://schemas.microsoft.com/office/drawing/2014/main" id="{FAFF2F92-378E-4050-ABF6-DD1175A8605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05388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921</a:t>
            </a:r>
          </a:p>
        </p:txBody>
      </p:sp>
      <p:sp>
        <p:nvSpPr>
          <p:cNvPr id="78" name="OTLSHAPE_TB_00000000000000000000000000000000_TimescaleInterval8">
            <a:extLst>
              <a:ext uri="{FF2B5EF4-FFF2-40B4-BE49-F238E27FC236}">
                <a16:creationId xmlns:a16="http://schemas.microsoft.com/office/drawing/2014/main" id="{7E30BC5D-7604-4888-8914-5B5FEA81055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717647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28</a:t>
            </a:r>
          </a:p>
        </p:txBody>
      </p:sp>
      <p:sp>
        <p:nvSpPr>
          <p:cNvPr id="80" name="OTLSHAPE_TB_00000000000000000000000000000000_TimescaleInterval9">
            <a:extLst>
              <a:ext uri="{FF2B5EF4-FFF2-40B4-BE49-F238E27FC236}">
                <a16:creationId xmlns:a16="http://schemas.microsoft.com/office/drawing/2014/main" id="{DA7A6A55-F277-4C57-B44B-6AFA596A31A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530224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35</a:t>
            </a:r>
          </a:p>
        </p:txBody>
      </p:sp>
      <p:sp>
        <p:nvSpPr>
          <p:cNvPr id="82" name="OTLSHAPE_TB_00000000000000000000000000000000_TimescaleInterval10">
            <a:extLst>
              <a:ext uri="{FF2B5EF4-FFF2-40B4-BE49-F238E27FC236}">
                <a16:creationId xmlns:a16="http://schemas.microsoft.com/office/drawing/2014/main" id="{83BE46A7-E90A-4799-A949-E5550EB8A58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342802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 dirty="0">
                <a:solidFill>
                  <a:schemeClr val="lt2"/>
                </a:solidFill>
                <a:latin typeface="Gill Sans MT" panose="020B0502020104020203" pitchFamily="34" charset="0"/>
              </a:rPr>
              <a:t>1942</a:t>
            </a:r>
          </a:p>
        </p:txBody>
      </p:sp>
      <p:sp>
        <p:nvSpPr>
          <p:cNvPr id="84" name="OTLSHAPE_TB_00000000000000000000000000000000_TimescaleInterval11">
            <a:extLst>
              <a:ext uri="{FF2B5EF4-FFF2-40B4-BE49-F238E27FC236}">
                <a16:creationId xmlns:a16="http://schemas.microsoft.com/office/drawing/2014/main" id="{2AE5E3C1-748E-458A-B3DF-E942E545787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155378" y="2972329"/>
            <a:ext cx="31367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i="1" spc="-26">
                <a:solidFill>
                  <a:schemeClr val="lt2"/>
                </a:solidFill>
                <a:latin typeface="Gill Sans MT" panose="020B0502020104020203" pitchFamily="34" charset="0"/>
              </a:rPr>
              <a:t>1949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516F3FF-5C2E-472A-BFF2-B4A431AEF814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1779640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2">
            <a:extLst>
              <a:ext uri="{FF2B5EF4-FFF2-40B4-BE49-F238E27FC236}">
                <a16:creationId xmlns:a16="http://schemas.microsoft.com/office/drawing/2014/main" id="{6949B43A-E66A-4E87-A48A-17E26AC35C2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2592216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3">
            <a:extLst>
              <a:ext uri="{FF2B5EF4-FFF2-40B4-BE49-F238E27FC236}">
                <a16:creationId xmlns:a16="http://schemas.microsoft.com/office/drawing/2014/main" id="{E4554243-6C26-49F4-B9CA-483AE7287F60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3404476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4">
            <a:extLst>
              <a:ext uri="{FF2B5EF4-FFF2-40B4-BE49-F238E27FC236}">
                <a16:creationId xmlns:a16="http://schemas.microsoft.com/office/drawing/2014/main" id="{DFE11D39-9C5F-49D1-958D-784F266C7F65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4216734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>
            <a:extLst>
              <a:ext uri="{FF2B5EF4-FFF2-40B4-BE49-F238E27FC236}">
                <a16:creationId xmlns:a16="http://schemas.microsoft.com/office/drawing/2014/main" id="{55BB7A11-42C8-4B59-A36A-2F2F39ED557E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5029312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6">
            <a:extLst>
              <a:ext uri="{FF2B5EF4-FFF2-40B4-BE49-F238E27FC236}">
                <a16:creationId xmlns:a16="http://schemas.microsoft.com/office/drawing/2014/main" id="{FCD9110A-8979-430D-A59B-F8FB8C6FE734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841888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7">
            <a:extLst>
              <a:ext uri="{FF2B5EF4-FFF2-40B4-BE49-F238E27FC236}">
                <a16:creationId xmlns:a16="http://schemas.microsoft.com/office/drawing/2014/main" id="{23C7CFB8-D2ED-4BEB-806F-16231FD20370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654147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Separator8">
            <a:extLst>
              <a:ext uri="{FF2B5EF4-FFF2-40B4-BE49-F238E27FC236}">
                <a16:creationId xmlns:a16="http://schemas.microsoft.com/office/drawing/2014/main" id="{40376BDD-610E-418C-B11C-521A3DFA29D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466724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9">
            <a:extLst>
              <a:ext uri="{FF2B5EF4-FFF2-40B4-BE49-F238E27FC236}">
                <a16:creationId xmlns:a16="http://schemas.microsoft.com/office/drawing/2014/main" id="{6840075C-2A1D-42A6-9888-6360848FB51F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279302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B_00000000000000000000000000000000_Separator10">
            <a:extLst>
              <a:ext uri="{FF2B5EF4-FFF2-40B4-BE49-F238E27FC236}">
                <a16:creationId xmlns:a16="http://schemas.microsoft.com/office/drawing/2014/main" id="{224B7718-4048-4512-8F6C-5AE0547B8605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091878" y="293370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M_4ff8c561366f440e92ad7ad48be4ebb6_Title">
            <a:extLst>
              <a:ext uri="{FF2B5EF4-FFF2-40B4-BE49-F238E27FC236}">
                <a16:creationId xmlns:a16="http://schemas.microsoft.com/office/drawing/2014/main" id="{6EE66DA0-31A0-4D7A-88A9-A67A0CD884C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41061" y="1227273"/>
            <a:ext cx="1600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>
                <a:solidFill>
                  <a:srgbClr val="C8B418"/>
                </a:solidFill>
                <a:latin typeface="Segoe UI" panose="020B0502040204020203" pitchFamily="34" charset="0"/>
              </a:rPr>
              <a:t>Born in Ulm, Germany</a:t>
            </a:r>
            <a:endParaRPr lang="en-US" sz="1200" b="1" spc="-6" dirty="0">
              <a:solidFill>
                <a:srgbClr val="C8B418"/>
              </a:solidFill>
              <a:latin typeface="Segoe UI" panose="020B0502040204020203" pitchFamily="34" charset="0"/>
            </a:endParaRPr>
          </a:p>
        </p:txBody>
      </p:sp>
      <p:sp>
        <p:nvSpPr>
          <p:cNvPr id="65" name="OTLSHAPE_M_4ff8c561366f440e92ad7ad48be4ebb6_Date">
            <a:extLst>
              <a:ext uri="{FF2B5EF4-FFF2-40B4-BE49-F238E27FC236}">
                <a16:creationId xmlns:a16="http://schemas.microsoft.com/office/drawing/2014/main" id="{65B85952-D06B-4F97-B8C1-324DA3E3CB2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41061" y="1442665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chemeClr val="lt1"/>
                </a:solidFill>
                <a:latin typeface="Segoe UI" panose="020B0502040204020203" pitchFamily="34" charset="0"/>
              </a:rPr>
              <a:t>1879</a:t>
            </a:r>
          </a:p>
        </p:txBody>
      </p:sp>
      <p:sp>
        <p:nvSpPr>
          <p:cNvPr id="141" name="OTLSHAPE_M_3ba419797b4b460f98707cf158df0d02_Title">
            <a:extLst>
              <a:ext uri="{FF2B5EF4-FFF2-40B4-BE49-F238E27FC236}">
                <a16:creationId xmlns:a16="http://schemas.microsoft.com/office/drawing/2014/main" id="{EFE10555-558D-45B0-BC28-BEF5855671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54828" y="4985868"/>
            <a:ext cx="1930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Family relocates to Munich</a:t>
            </a:r>
          </a:p>
        </p:txBody>
      </p:sp>
      <p:sp>
        <p:nvSpPr>
          <p:cNvPr id="142" name="OTLSHAPE_M_3ba419797b4b460f98707cf158df0d02_Date">
            <a:extLst>
              <a:ext uri="{FF2B5EF4-FFF2-40B4-BE49-F238E27FC236}">
                <a16:creationId xmlns:a16="http://schemas.microsoft.com/office/drawing/2014/main" id="{A84D49CF-95C4-461B-83DE-DDD12BB912C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54828" y="4770476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880</a:t>
            </a:r>
          </a:p>
        </p:txBody>
      </p:sp>
      <p:sp>
        <p:nvSpPr>
          <p:cNvPr id="144" name="OTLSHAPE_M_3b8d16e85e24473c9f3190ed7c5ab11f_Title">
            <a:extLst>
              <a:ext uri="{FF2B5EF4-FFF2-40B4-BE49-F238E27FC236}">
                <a16:creationId xmlns:a16="http://schemas.microsoft.com/office/drawing/2014/main" id="{FFD909CC-CC1F-4F39-B9C7-B621DB4A5AA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19748" y="1759657"/>
            <a:ext cx="1930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Compass elicits his wonder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45" name="OTLSHAPE_M_3b8d16e85e24473c9f3190ed7c5ab11f_Date">
            <a:extLst>
              <a:ext uri="{FF2B5EF4-FFF2-40B4-BE49-F238E27FC236}">
                <a16:creationId xmlns:a16="http://schemas.microsoft.com/office/drawing/2014/main" id="{8FA9F140-79E0-4405-8402-1B76A329BD2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619748" y="1975049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884</a:t>
            </a:r>
          </a:p>
        </p:txBody>
      </p:sp>
      <p:sp>
        <p:nvSpPr>
          <p:cNvPr id="147" name="OTLSHAPE_M_8e43475df2b94285a0d43fc3f0363ea8_Title">
            <a:extLst>
              <a:ext uri="{FF2B5EF4-FFF2-40B4-BE49-F238E27FC236}">
                <a16:creationId xmlns:a16="http://schemas.microsoft.com/office/drawing/2014/main" id="{A17BC1C6-4937-4CA7-88EF-10E03F2BEE3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013236" y="5679682"/>
            <a:ext cx="2184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EBEBEB"/>
                </a:solidFill>
                <a:latin typeface="Segoe UI" panose="020B0502040204020203" pitchFamily="34" charset="0"/>
              </a:rPr>
              <a:t>Renounces German citizenship</a:t>
            </a:r>
          </a:p>
        </p:txBody>
      </p:sp>
      <p:sp>
        <p:nvSpPr>
          <p:cNvPr id="148" name="OTLSHAPE_M_8e43475df2b94285a0d43fc3f0363ea8_Date">
            <a:extLst>
              <a:ext uri="{FF2B5EF4-FFF2-40B4-BE49-F238E27FC236}">
                <a16:creationId xmlns:a16="http://schemas.microsoft.com/office/drawing/2014/main" id="{EB0430FB-36E3-44FE-BE14-52D40FE8D6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013236" y="546429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896</a:t>
            </a:r>
          </a:p>
        </p:txBody>
      </p:sp>
      <p:sp>
        <p:nvSpPr>
          <p:cNvPr id="150" name="OTLSHAPE_M_5c0eeb47db9345939475f26b2b05c3ba_Title">
            <a:extLst>
              <a:ext uri="{FF2B5EF4-FFF2-40B4-BE49-F238E27FC236}">
                <a16:creationId xmlns:a16="http://schemas.microsoft.com/office/drawing/2014/main" id="{A2EE9BA6-85F2-4228-8E4F-729360B2E00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93512" y="2157005"/>
            <a:ext cx="2032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Finishes first scientific paper</a:t>
            </a:r>
          </a:p>
        </p:txBody>
      </p:sp>
      <p:sp>
        <p:nvSpPr>
          <p:cNvPr id="151" name="OTLSHAPE_M_5c0eeb47db9345939475f26b2b05c3ba_Date">
            <a:extLst>
              <a:ext uri="{FF2B5EF4-FFF2-40B4-BE49-F238E27FC236}">
                <a16:creationId xmlns:a16="http://schemas.microsoft.com/office/drawing/2014/main" id="{28BC758A-90E8-4A0B-B798-B92193D8F83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593512" y="2372397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01</a:t>
            </a:r>
          </a:p>
        </p:txBody>
      </p:sp>
      <p:sp>
        <p:nvSpPr>
          <p:cNvPr id="153" name="OTLSHAPE_M_7902e4cbf6dc420db3aaaba116f88b44_Title">
            <a:extLst>
              <a:ext uri="{FF2B5EF4-FFF2-40B4-BE49-F238E27FC236}">
                <a16:creationId xmlns:a16="http://schemas.microsoft.com/office/drawing/2014/main" id="{4046E71B-97C9-42B8-BCA5-70A8D18E814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25813" y="3665601"/>
            <a:ext cx="1511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EBEBEB"/>
                </a:solidFill>
                <a:latin typeface="Segoe UI" panose="020B0502040204020203" pitchFamily="34" charset="0"/>
              </a:rPr>
              <a:t>Marries Mileva Maric</a:t>
            </a:r>
          </a:p>
        </p:txBody>
      </p:sp>
      <p:sp>
        <p:nvSpPr>
          <p:cNvPr id="154" name="OTLSHAPE_M_7902e4cbf6dc420db3aaaba116f88b44_Date">
            <a:extLst>
              <a:ext uri="{FF2B5EF4-FFF2-40B4-BE49-F238E27FC236}">
                <a16:creationId xmlns:a16="http://schemas.microsoft.com/office/drawing/2014/main" id="{6B44D695-928E-4B3A-829D-59CE02F1792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25813" y="3450209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03</a:t>
            </a:r>
          </a:p>
        </p:txBody>
      </p:sp>
      <p:sp>
        <p:nvSpPr>
          <p:cNvPr id="156" name="OTLSHAPE_M_dc65a17e76d7472fbdc7ea5509da1ba2_Title">
            <a:extLst>
              <a:ext uri="{FF2B5EF4-FFF2-40B4-BE49-F238E27FC236}">
                <a16:creationId xmlns:a16="http://schemas.microsoft.com/office/drawing/2014/main" id="{91EF61FD-01FF-4834-8369-64511BA75C3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754699" y="324671"/>
            <a:ext cx="3771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Appointed professor at German University of Prague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57" name="OTLSHAPE_M_dc65a17e76d7472fbdc7ea5509da1ba2_Date">
            <a:extLst>
              <a:ext uri="{FF2B5EF4-FFF2-40B4-BE49-F238E27FC236}">
                <a16:creationId xmlns:a16="http://schemas.microsoft.com/office/drawing/2014/main" id="{0129AFA7-2481-4DF7-A61E-52F9FCEE5DF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754699" y="540063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1</a:t>
            </a:r>
          </a:p>
        </p:txBody>
      </p:sp>
      <p:sp>
        <p:nvSpPr>
          <p:cNvPr id="159" name="OTLSHAPE_M_404f2206933d4c1282df566ca18b8396_Title">
            <a:extLst>
              <a:ext uri="{FF2B5EF4-FFF2-40B4-BE49-F238E27FC236}">
                <a16:creationId xmlns:a16="http://schemas.microsoft.com/office/drawing/2014/main" id="{6F90FDC9-D2B2-43CC-9614-FB6279C554D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103310" y="4705624"/>
            <a:ext cx="2057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EBEBEB"/>
                </a:solidFill>
                <a:latin typeface="Segoe UI" panose="020B0502040204020203" pitchFamily="34" charset="0"/>
              </a:rPr>
              <a:t>Separates from Mileva Maric</a:t>
            </a:r>
          </a:p>
        </p:txBody>
      </p:sp>
      <p:sp>
        <p:nvSpPr>
          <p:cNvPr id="160" name="OTLSHAPE_M_404f2206933d4c1282df566ca18b8396_Date">
            <a:extLst>
              <a:ext uri="{FF2B5EF4-FFF2-40B4-BE49-F238E27FC236}">
                <a16:creationId xmlns:a16="http://schemas.microsoft.com/office/drawing/2014/main" id="{0CAFF26D-18F9-45AE-B8E0-FD464EDDF29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103310" y="4490233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4</a:t>
            </a:r>
          </a:p>
        </p:txBody>
      </p:sp>
      <p:sp>
        <p:nvSpPr>
          <p:cNvPr id="162" name="OTLSHAPE_M_bc25acca21a8453ba3df761b3a7e7e5d_Title">
            <a:extLst>
              <a:ext uri="{FF2B5EF4-FFF2-40B4-BE49-F238E27FC236}">
                <a16:creationId xmlns:a16="http://schemas.microsoft.com/office/drawing/2014/main" id="{FA6C320D-AC24-4E42-BD09-2ED2F2125C9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336246" y="1495358"/>
            <a:ext cx="20066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dirty="0">
                <a:solidFill>
                  <a:srgbClr val="EBEBEB"/>
                </a:solidFill>
                <a:latin typeface="Segoe UI" panose="020B0502040204020203" pitchFamily="34" charset="0"/>
              </a:rPr>
              <a:t>Publishes general theory of relativity </a:t>
            </a:r>
            <a:endParaRPr lang="en-US" sz="1200" b="1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63" name="OTLSHAPE_M_bc25acca21a8453ba3df761b3a7e7e5d_Date">
            <a:extLst>
              <a:ext uri="{FF2B5EF4-FFF2-40B4-BE49-F238E27FC236}">
                <a16:creationId xmlns:a16="http://schemas.microsoft.com/office/drawing/2014/main" id="{5E46B7BA-FDAA-4B99-9821-8E5D47C8835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336246" y="1913442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6</a:t>
            </a:r>
          </a:p>
        </p:txBody>
      </p:sp>
      <p:sp>
        <p:nvSpPr>
          <p:cNvPr id="165" name="OTLSHAPE_M_1731c549c8c04738aaebfee48dd93db8_Title">
            <a:extLst>
              <a:ext uri="{FF2B5EF4-FFF2-40B4-BE49-F238E27FC236}">
                <a16:creationId xmlns:a16="http://schemas.microsoft.com/office/drawing/2014/main" id="{16401A1C-14F6-402D-8E38-044CD54B63F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452556" y="6185874"/>
            <a:ext cx="3911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Named Director of Kaiser Wilhelm Institute for Physics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66" name="OTLSHAPE_M_1731c549c8c04738aaebfee48dd93db8_Date">
            <a:extLst>
              <a:ext uri="{FF2B5EF4-FFF2-40B4-BE49-F238E27FC236}">
                <a16:creationId xmlns:a16="http://schemas.microsoft.com/office/drawing/2014/main" id="{D4E91089-64BE-40E9-A743-81A71661B9B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452556" y="5970482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7</a:t>
            </a:r>
          </a:p>
        </p:txBody>
      </p:sp>
      <p:sp>
        <p:nvSpPr>
          <p:cNvPr id="168" name="OTLSHAPE_M_f32bfc904380483d877a6a77621a7511_Title">
            <a:extLst>
              <a:ext uri="{FF2B5EF4-FFF2-40B4-BE49-F238E27FC236}">
                <a16:creationId xmlns:a16="http://schemas.microsoft.com/office/drawing/2014/main" id="{E274ED5D-282E-4189-BF0E-973B91F9177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685492" y="5513211"/>
            <a:ext cx="3263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>
                <a:solidFill>
                  <a:srgbClr val="EBEBEB"/>
                </a:solidFill>
                <a:latin typeface="Segoe UI" panose="020B0502040204020203" pitchFamily="34" charset="0"/>
              </a:rPr>
              <a:t>Divorces Mileva Maric, marries his cousin Elsa</a:t>
            </a:r>
            <a:endParaRPr lang="en-US" sz="1200" b="1" spc="-2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69" name="OTLSHAPE_M_f32bfc904380483d877a6a77621a7511_Date">
            <a:extLst>
              <a:ext uri="{FF2B5EF4-FFF2-40B4-BE49-F238E27FC236}">
                <a16:creationId xmlns:a16="http://schemas.microsoft.com/office/drawing/2014/main" id="{57045A74-7308-4657-88FF-65F591F8E51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685492" y="5297819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19</a:t>
            </a:r>
          </a:p>
        </p:txBody>
      </p:sp>
      <p:sp>
        <p:nvSpPr>
          <p:cNvPr id="171" name="OTLSHAPE_M_62b2259747b74184a20f4550041debf6_Title">
            <a:extLst>
              <a:ext uri="{FF2B5EF4-FFF2-40B4-BE49-F238E27FC236}">
                <a16:creationId xmlns:a16="http://schemas.microsoft.com/office/drawing/2014/main" id="{700A3B09-F4B5-47D7-8DAE-B2C0FEE5FCB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34103" y="818893"/>
            <a:ext cx="2108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>
                <a:solidFill>
                  <a:srgbClr val="EBEBEB"/>
                </a:solidFill>
                <a:latin typeface="Segoe UI" panose="020B0502040204020203" pitchFamily="34" charset="0"/>
              </a:rPr>
              <a:t>First paper on Unified Theory</a:t>
            </a:r>
            <a:endParaRPr lang="en-US" sz="1200" b="1" spc="-4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72" name="OTLSHAPE_M_62b2259747b74184a20f4550041debf6_Date">
            <a:extLst>
              <a:ext uri="{FF2B5EF4-FFF2-40B4-BE49-F238E27FC236}">
                <a16:creationId xmlns:a16="http://schemas.microsoft.com/office/drawing/2014/main" id="{4AA812E3-FCB5-44F6-BD1F-29123879CA2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034103" y="1034285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22</a:t>
            </a:r>
          </a:p>
        </p:txBody>
      </p:sp>
      <p:sp>
        <p:nvSpPr>
          <p:cNvPr id="174" name="OTLSHAPE_M_17e32859c0714762bdfbd988f3f8045e_Title">
            <a:extLst>
              <a:ext uri="{FF2B5EF4-FFF2-40B4-BE49-F238E27FC236}">
                <a16:creationId xmlns:a16="http://schemas.microsoft.com/office/drawing/2014/main" id="{16BF3A65-04D9-4DC2-A0ED-4F026D9ECDA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034420" y="3682492"/>
            <a:ext cx="2336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Awarded Nobel Prize for Physics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75" name="OTLSHAPE_M_17e32859c0714762bdfbd988f3f8045e_Date">
            <a:extLst>
              <a:ext uri="{FF2B5EF4-FFF2-40B4-BE49-F238E27FC236}">
                <a16:creationId xmlns:a16="http://schemas.microsoft.com/office/drawing/2014/main" id="{1C122F37-003A-4558-A881-C4EE6E316CE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034420" y="346710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22</a:t>
            </a:r>
          </a:p>
        </p:txBody>
      </p:sp>
      <p:sp>
        <p:nvSpPr>
          <p:cNvPr id="177" name="OTLSHAPE_M_5f2f6c42599b4fbf8a2f13ee66aecca1_Title">
            <a:extLst>
              <a:ext uri="{FF2B5EF4-FFF2-40B4-BE49-F238E27FC236}">
                <a16:creationId xmlns:a16="http://schemas.microsoft.com/office/drawing/2014/main" id="{A9EE9928-A6EA-4421-8198-6E4AE23DB1D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267039" y="2236216"/>
            <a:ext cx="2235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>
                <a:solidFill>
                  <a:srgbClr val="EBEBEB"/>
                </a:solidFill>
                <a:latin typeface="Segoe UI" panose="020B0502040204020203" pitchFamily="34" charset="0"/>
              </a:rPr>
              <a:t>The "Einstein-Institute" is open</a:t>
            </a:r>
          </a:p>
        </p:txBody>
      </p:sp>
      <p:sp>
        <p:nvSpPr>
          <p:cNvPr id="178" name="OTLSHAPE_M_5f2f6c42599b4fbf8a2f13ee66aecca1_Date">
            <a:extLst>
              <a:ext uri="{FF2B5EF4-FFF2-40B4-BE49-F238E27FC236}">
                <a16:creationId xmlns:a16="http://schemas.microsoft.com/office/drawing/2014/main" id="{2D9ED2AD-0775-4E6F-95C9-4E7AF21B3BB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267039" y="2451608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24</a:t>
            </a:r>
          </a:p>
        </p:txBody>
      </p:sp>
      <p:sp>
        <p:nvSpPr>
          <p:cNvPr id="180" name="OTLSHAPE_M_ccce30e92bfd416892ee3556d38fba50_Title">
            <a:extLst>
              <a:ext uri="{FF2B5EF4-FFF2-40B4-BE49-F238E27FC236}">
                <a16:creationId xmlns:a16="http://schemas.microsoft.com/office/drawing/2014/main" id="{2F85FC5C-C64C-4777-846F-035404EF11B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731641" y="4138259"/>
            <a:ext cx="3479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>
                <a:solidFill>
                  <a:srgbClr val="EBEBEB"/>
                </a:solidFill>
                <a:latin typeface="Segoe UI" panose="020B0502040204020203" pitchFamily="34" charset="0"/>
              </a:rPr>
              <a:t>Physical collapse, diagnosed with enlarged heart</a:t>
            </a:r>
            <a:endParaRPr lang="en-US" sz="1200" b="1" spc="-2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81" name="OTLSHAPE_M_ccce30e92bfd416892ee3556d38fba50_Date">
            <a:extLst>
              <a:ext uri="{FF2B5EF4-FFF2-40B4-BE49-F238E27FC236}">
                <a16:creationId xmlns:a16="http://schemas.microsoft.com/office/drawing/2014/main" id="{EFDE2E22-A6F3-4C65-8C6F-F97E15BB924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731641" y="3922867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28</a:t>
            </a:r>
          </a:p>
        </p:txBody>
      </p:sp>
      <p:sp>
        <p:nvSpPr>
          <p:cNvPr id="186" name="OTLSHAPE_M_ec1a3196a01d49689ad7b40ce0d2938a_Title">
            <a:extLst>
              <a:ext uri="{FF2B5EF4-FFF2-40B4-BE49-F238E27FC236}">
                <a16:creationId xmlns:a16="http://schemas.microsoft.com/office/drawing/2014/main" id="{1D570567-87E3-4798-AA51-38C51B478D5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661163" y="4541853"/>
            <a:ext cx="1803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dirty="0">
                <a:solidFill>
                  <a:srgbClr val="EBEBEB"/>
                </a:solidFill>
                <a:latin typeface="Segoe UI" panose="020B0502040204020203" pitchFamily="34" charset="0"/>
              </a:rPr>
              <a:t>His wife Elsa passes away</a:t>
            </a:r>
            <a:endParaRPr lang="en-US" sz="1200" b="1" spc="-6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87" name="OTLSHAPE_M_ec1a3196a01d49689ad7b40ce0d2938a_Date">
            <a:extLst>
              <a:ext uri="{FF2B5EF4-FFF2-40B4-BE49-F238E27FC236}">
                <a16:creationId xmlns:a16="http://schemas.microsoft.com/office/drawing/2014/main" id="{BC50BBCC-68BC-47B8-9BC9-06E21A5CFAF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661163" y="4326461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36</a:t>
            </a:r>
          </a:p>
        </p:txBody>
      </p:sp>
      <p:sp>
        <p:nvSpPr>
          <p:cNvPr id="189" name="OTLSHAPE_M_761d5abc6aab4382a1d7f5af7fb7ec64_Title">
            <a:extLst>
              <a:ext uri="{FF2B5EF4-FFF2-40B4-BE49-F238E27FC236}">
                <a16:creationId xmlns:a16="http://schemas.microsoft.com/office/drawing/2014/main" id="{9FC9E655-AC79-4742-A05E-8D3A0E99AE9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010092" y="1476363"/>
            <a:ext cx="2908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Letter to Roosevelt on nuclear weaponry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90" name="OTLSHAPE_M_761d5abc6aab4382a1d7f5af7fb7ec64_Date">
            <a:extLst>
              <a:ext uri="{FF2B5EF4-FFF2-40B4-BE49-F238E27FC236}">
                <a16:creationId xmlns:a16="http://schemas.microsoft.com/office/drawing/2014/main" id="{43D8A168-44D6-4201-8D29-2C62D545258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010092" y="1691755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39</a:t>
            </a:r>
          </a:p>
        </p:txBody>
      </p:sp>
      <p:sp>
        <p:nvSpPr>
          <p:cNvPr id="192" name="OTLSHAPE_M_54495422a21f4cde85628852775c984d_Title">
            <a:extLst>
              <a:ext uri="{FF2B5EF4-FFF2-40B4-BE49-F238E27FC236}">
                <a16:creationId xmlns:a16="http://schemas.microsoft.com/office/drawing/2014/main" id="{23D14CC3-DCCC-4099-A5A2-24CC187F512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126719" y="5152992"/>
            <a:ext cx="1536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rgbClr val="EBEBEB"/>
                </a:solidFill>
                <a:latin typeface="Segoe UI" panose="020B0502040204020203" pitchFamily="34" charset="0"/>
              </a:rPr>
              <a:t>Earns U.S. Citizenship</a:t>
            </a:r>
          </a:p>
        </p:txBody>
      </p:sp>
      <p:sp>
        <p:nvSpPr>
          <p:cNvPr id="193" name="OTLSHAPE_M_54495422a21f4cde85628852775c984d_Date">
            <a:extLst>
              <a:ext uri="{FF2B5EF4-FFF2-40B4-BE49-F238E27FC236}">
                <a16:creationId xmlns:a16="http://schemas.microsoft.com/office/drawing/2014/main" id="{C64609DF-7417-4B5A-8967-A324C387639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126719" y="493760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40</a:t>
            </a:r>
          </a:p>
        </p:txBody>
      </p:sp>
      <p:sp>
        <p:nvSpPr>
          <p:cNvPr id="195" name="OTLSHAPE_M_6922c1c19952409d9373f5397d091a3b_Title">
            <a:extLst>
              <a:ext uri="{FF2B5EF4-FFF2-40B4-BE49-F238E27FC236}">
                <a16:creationId xmlns:a16="http://schemas.microsoft.com/office/drawing/2014/main" id="{D05662A7-3947-4A45-A8B1-0322CF3395D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591321" y="3682492"/>
            <a:ext cx="341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2" dirty="0">
                <a:solidFill>
                  <a:srgbClr val="EBEBEB"/>
                </a:solidFill>
                <a:latin typeface="Segoe UI" panose="020B0502040204020203" pitchFamily="34" charset="0"/>
              </a:rPr>
              <a:t>Special relativity paper auctioned for $6 million</a:t>
            </a:r>
            <a:endParaRPr lang="en-US" sz="1200" b="1" spc="-2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196" name="OTLSHAPE_M_6922c1c19952409d9373f5397d091a3b_Date">
            <a:extLst>
              <a:ext uri="{FF2B5EF4-FFF2-40B4-BE49-F238E27FC236}">
                <a16:creationId xmlns:a16="http://schemas.microsoft.com/office/drawing/2014/main" id="{B62717F3-5290-4997-A11A-5805356504F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591321" y="346710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>
                <a:solidFill>
                  <a:srgbClr val="C8B418"/>
                </a:solidFill>
                <a:latin typeface="Segoe UI" panose="020B0502040204020203" pitchFamily="34" charset="0"/>
              </a:rPr>
              <a:t>1944</a:t>
            </a:r>
          </a:p>
        </p:txBody>
      </p:sp>
      <p:sp>
        <p:nvSpPr>
          <p:cNvPr id="198" name="OTLSHAPE_M_5e72e27bed9445d981b93c8ee925ae2e_Title">
            <a:extLst>
              <a:ext uri="{FF2B5EF4-FFF2-40B4-BE49-F238E27FC236}">
                <a16:creationId xmlns:a16="http://schemas.microsoft.com/office/drawing/2014/main" id="{08862825-B6F4-4CF4-B89C-2830D7B3DC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172232" y="2236216"/>
            <a:ext cx="2438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EBEBEB"/>
                </a:solidFill>
                <a:latin typeface="Segoe UI" panose="020B0502040204020203" pitchFamily="34" charset="0"/>
              </a:rPr>
              <a:t>Publishes Autobiographical Notes</a:t>
            </a:r>
          </a:p>
        </p:txBody>
      </p:sp>
      <p:sp>
        <p:nvSpPr>
          <p:cNvPr id="199" name="OTLSHAPE_M_5e72e27bed9445d981b93c8ee925ae2e_Date">
            <a:extLst>
              <a:ext uri="{FF2B5EF4-FFF2-40B4-BE49-F238E27FC236}">
                <a16:creationId xmlns:a16="http://schemas.microsoft.com/office/drawing/2014/main" id="{47C5FB41-3327-4B3D-A49A-EB7F15BC364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172232" y="2451608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49</a:t>
            </a:r>
          </a:p>
        </p:txBody>
      </p:sp>
      <p:sp>
        <p:nvSpPr>
          <p:cNvPr id="201" name="OTLSHAPE_M_e7a07479a234452db23eba3379daf062_Title">
            <a:extLst>
              <a:ext uri="{FF2B5EF4-FFF2-40B4-BE49-F238E27FC236}">
                <a16:creationId xmlns:a16="http://schemas.microsoft.com/office/drawing/2014/main" id="{02722876-AA24-4F95-8A32-E712E626850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520842" y="4736367"/>
            <a:ext cx="1993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rgbClr val="EBEBEB"/>
                </a:solidFill>
                <a:latin typeface="Segoe UI" panose="020B0502040204020203" pitchFamily="34" charset="0"/>
              </a:rPr>
              <a:t>Offered presidency of Israel</a:t>
            </a:r>
            <a:endParaRPr lang="en-US" sz="1200" b="1" spc="-4" dirty="0">
              <a:solidFill>
                <a:srgbClr val="EBEBEB"/>
              </a:solidFill>
              <a:latin typeface="Segoe UI" panose="020B0502040204020203" pitchFamily="34" charset="0"/>
            </a:endParaRPr>
          </a:p>
        </p:txBody>
      </p:sp>
      <p:sp>
        <p:nvSpPr>
          <p:cNvPr id="202" name="OTLSHAPE_M_e7a07479a234452db23eba3379daf062_Date">
            <a:extLst>
              <a:ext uri="{FF2B5EF4-FFF2-40B4-BE49-F238E27FC236}">
                <a16:creationId xmlns:a16="http://schemas.microsoft.com/office/drawing/2014/main" id="{DC9ADA6B-A38C-40BE-A87E-45C8DD47C70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520842" y="4520975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rgbClr val="C8B418"/>
                </a:solidFill>
                <a:latin typeface="Segoe UI" panose="020B0502040204020203" pitchFamily="34" charset="0"/>
              </a:rPr>
              <a:t>1952</a:t>
            </a:r>
          </a:p>
        </p:txBody>
      </p:sp>
      <p:sp>
        <p:nvSpPr>
          <p:cNvPr id="204" name="OTLSHAPE_M_d83c959a9e564342a48371f83b44567a_Title">
            <a:extLst>
              <a:ext uri="{FF2B5EF4-FFF2-40B4-BE49-F238E27FC236}">
                <a16:creationId xmlns:a16="http://schemas.microsoft.com/office/drawing/2014/main" id="{488BB1B6-15F6-469C-B007-B6BCC2DE6A8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869135" y="784268"/>
            <a:ext cx="1905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dirty="0">
                <a:solidFill>
                  <a:srgbClr val="C8B418"/>
                </a:solidFill>
                <a:latin typeface="Segoe UI" panose="020B0502040204020203" pitchFamily="34" charset="0"/>
              </a:rPr>
              <a:t>Dies at Princeton Hospital </a:t>
            </a:r>
            <a:endParaRPr lang="en-US" sz="1200" b="1" spc="-4" dirty="0">
              <a:solidFill>
                <a:srgbClr val="C8B418"/>
              </a:solidFill>
              <a:latin typeface="Segoe UI" panose="020B0502040204020203" pitchFamily="34" charset="0"/>
            </a:endParaRPr>
          </a:p>
        </p:txBody>
      </p:sp>
      <p:sp>
        <p:nvSpPr>
          <p:cNvPr id="205" name="OTLSHAPE_M_d83c959a9e564342a48371f83b44567a_Date">
            <a:extLst>
              <a:ext uri="{FF2B5EF4-FFF2-40B4-BE49-F238E27FC236}">
                <a16:creationId xmlns:a16="http://schemas.microsoft.com/office/drawing/2014/main" id="{DA794BDC-3586-4A8E-83BD-49FBDE3E1E1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869135" y="999660"/>
            <a:ext cx="355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i="1" spc="-22" dirty="0">
                <a:solidFill>
                  <a:schemeClr val="lt1"/>
                </a:solidFill>
                <a:latin typeface="Segoe UI" panose="020B0502040204020203" pitchFamily="34" charset="0"/>
              </a:rPr>
              <a:t>1955</a:t>
            </a:r>
          </a:p>
        </p:txBody>
      </p:sp>
      <p:pic>
        <p:nvPicPr>
          <p:cNvPr id="224" name="Picture 22" descr="Image result for atoms no background white free">
            <a:extLst>
              <a:ext uri="{FF2B5EF4-FFF2-40B4-BE49-F238E27FC236}">
                <a16:creationId xmlns:a16="http://schemas.microsoft.com/office/drawing/2014/main" id="{11C78DEE-2BD4-46B1-B8CF-0F8A82A50D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97565" y="866189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1" name="Picture 22" descr="Image result for atoms no background white free">
            <a:extLst>
              <a:ext uri="{FF2B5EF4-FFF2-40B4-BE49-F238E27FC236}">
                <a16:creationId xmlns:a16="http://schemas.microsoft.com/office/drawing/2014/main" id="{00F4D7F6-52FF-466C-9BC5-96B27C4578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4621589" y="176498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2" name="Picture 22" descr="Image result for atoms no background white free">
            <a:extLst>
              <a:ext uri="{FF2B5EF4-FFF2-40B4-BE49-F238E27FC236}">
                <a16:creationId xmlns:a16="http://schemas.microsoft.com/office/drawing/2014/main" id="{103ECC3E-1E5B-42BD-8B4C-1176559828C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6126157" y="2074422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3" name="Picture 22" descr="Image result for atoms no background white free">
            <a:extLst>
              <a:ext uri="{FF2B5EF4-FFF2-40B4-BE49-F238E27FC236}">
                <a16:creationId xmlns:a16="http://schemas.microsoft.com/office/drawing/2014/main" id="{A7CB32FF-4E8D-4159-A51C-88171B1CF8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3458043" y="200144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4" name="Picture 22" descr="Image result for atoms no background white free">
            <a:extLst>
              <a:ext uri="{FF2B5EF4-FFF2-40B4-BE49-F238E27FC236}">
                <a16:creationId xmlns:a16="http://schemas.microsoft.com/office/drawing/2014/main" id="{13EB15C9-C75F-4A3F-94BF-6BDD1F354D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899135" y="67920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5" name="Picture 22" descr="Image result for atoms no background white free">
            <a:extLst>
              <a:ext uri="{FF2B5EF4-FFF2-40B4-BE49-F238E27FC236}">
                <a16:creationId xmlns:a16="http://schemas.microsoft.com/office/drawing/2014/main" id="{D454C19C-1567-4D9A-88D8-D92CCF154D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2877918" y="5834784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6" name="Picture 22" descr="Image result for atoms no background white free">
            <a:extLst>
              <a:ext uri="{FF2B5EF4-FFF2-40B4-BE49-F238E27FC236}">
                <a16:creationId xmlns:a16="http://schemas.microsoft.com/office/drawing/2014/main" id="{493C9FEA-8842-48B7-BDCA-2F3D80BD5E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3686006" y="3829751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9" name="Picture 22" descr="Image result for atoms no background white free">
            <a:extLst>
              <a:ext uri="{FF2B5EF4-FFF2-40B4-BE49-F238E27FC236}">
                <a16:creationId xmlns:a16="http://schemas.microsoft.com/office/drawing/2014/main" id="{94FBE010-7994-43AF-82F8-03A7BEB61B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8451726" y="3826714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0" name="Picture 22" descr="Image result for atoms no background white free">
            <a:extLst>
              <a:ext uri="{FF2B5EF4-FFF2-40B4-BE49-F238E27FC236}">
                <a16:creationId xmlns:a16="http://schemas.microsoft.com/office/drawing/2014/main" id="{DC059AC1-2E19-49A1-8B3A-0E72A9F464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988640" y="5316650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2" name="Picture 22" descr="Image result for atoms no background white free">
            <a:extLst>
              <a:ext uri="{FF2B5EF4-FFF2-40B4-BE49-F238E27FC236}">
                <a16:creationId xmlns:a16="http://schemas.microsoft.com/office/drawing/2014/main" id="{025353DA-40DB-4066-AF2B-12B1ED664A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526239" y="4719509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3" name="Picture 22" descr="Image result for atoms no background white free">
            <a:extLst>
              <a:ext uri="{FF2B5EF4-FFF2-40B4-BE49-F238E27FC236}">
                <a16:creationId xmlns:a16="http://schemas.microsoft.com/office/drawing/2014/main" id="{FFFD1EE1-7E2A-491C-B310-AA56CAD93C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872735" y="1320282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4" name="Picture 22" descr="Image result for atoms no background white free">
            <a:extLst>
              <a:ext uri="{FF2B5EF4-FFF2-40B4-BE49-F238E27FC236}">
                <a16:creationId xmlns:a16="http://schemas.microsoft.com/office/drawing/2014/main" id="{4773CE57-2E14-4B66-BA26-15E072B4AD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6597455" y="4285560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6" name="Picture 22" descr="Image result for atoms no background white free">
            <a:extLst>
              <a:ext uri="{FF2B5EF4-FFF2-40B4-BE49-F238E27FC236}">
                <a16:creationId xmlns:a16="http://schemas.microsoft.com/office/drawing/2014/main" id="{4EA1D881-CA35-49E0-89E5-C830CAFA95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547576" y="568148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7" name="Picture 22" descr="Image result for atoms no background white free">
            <a:extLst>
              <a:ext uri="{FF2B5EF4-FFF2-40B4-BE49-F238E27FC236}">
                <a16:creationId xmlns:a16="http://schemas.microsoft.com/office/drawing/2014/main" id="{FA77E83B-FB82-4220-8292-76E81ACD92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4969104" y="4873015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8" name="Picture 22" descr="Image result for atoms no background white free">
            <a:extLst>
              <a:ext uri="{FF2B5EF4-FFF2-40B4-BE49-F238E27FC236}">
                <a16:creationId xmlns:a16="http://schemas.microsoft.com/office/drawing/2014/main" id="{6BDD7026-8111-4712-AF7F-6C01C9A995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321405" y="6353572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9" name="Picture 22" descr="Image result for atoms no background white free">
            <a:extLst>
              <a:ext uri="{FF2B5EF4-FFF2-40B4-BE49-F238E27FC236}">
                <a16:creationId xmlns:a16="http://schemas.microsoft.com/office/drawing/2014/main" id="{53989097-1A94-4991-AECA-0CDCC241E99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392266" y="4910733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0" name="Picture 22" descr="Image result for atoms no background white free">
            <a:extLst>
              <a:ext uri="{FF2B5EF4-FFF2-40B4-BE49-F238E27FC236}">
                <a16:creationId xmlns:a16="http://schemas.microsoft.com/office/drawing/2014/main" id="{2123F094-8789-47DE-B814-6ECB0E873E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027427" y="5145017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1" name="Picture 22" descr="Image result for atoms no background white free">
            <a:extLst>
              <a:ext uri="{FF2B5EF4-FFF2-40B4-BE49-F238E27FC236}">
                <a16:creationId xmlns:a16="http://schemas.microsoft.com/office/drawing/2014/main" id="{FEC0CCAA-E000-4918-AB27-91ED346C53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034875" y="2092622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2" name="Picture 22" descr="Image result for atoms no background white free">
            <a:extLst>
              <a:ext uri="{FF2B5EF4-FFF2-40B4-BE49-F238E27FC236}">
                <a16:creationId xmlns:a16="http://schemas.microsoft.com/office/drawing/2014/main" id="{0B9BFA1D-08E8-4A1F-A8DD-273E1FBF95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481463" y="1615135"/>
            <a:ext cx="185813" cy="207366"/>
          </a:xfrm>
          <a:prstGeom prst="rect">
            <a:avLst/>
          </a:prstGeom>
          <a:noFill/>
          <a:effectLst>
            <a:glow rad="25400">
              <a:schemeClr val="accent3">
                <a:satMod val="175000"/>
                <a:alpha val="3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" name="Picture 22" descr="Image result for atoms no background white free">
            <a:extLst>
              <a:ext uri="{FF2B5EF4-FFF2-40B4-BE49-F238E27FC236}">
                <a16:creationId xmlns:a16="http://schemas.microsoft.com/office/drawing/2014/main" id="{48C3538C-A178-4A82-BE1C-E0A92CBC00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633074" y="402296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" name="Picture 22" descr="Image result for atoms no background white free">
            <a:extLst>
              <a:ext uri="{FF2B5EF4-FFF2-40B4-BE49-F238E27FC236}">
                <a16:creationId xmlns:a16="http://schemas.microsoft.com/office/drawing/2014/main" id="{6C45CD9C-92FA-4454-B82C-265F731231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793808" y="3863613"/>
            <a:ext cx="389836" cy="435054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8" name="Picture 22" descr="Image result for atoms no background white free">
            <a:extLst>
              <a:ext uri="{FF2B5EF4-FFF2-40B4-BE49-F238E27FC236}">
                <a16:creationId xmlns:a16="http://schemas.microsoft.com/office/drawing/2014/main" id="{3C7FBE6B-F9A9-47F5-95A8-9CA674DD86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1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5111691" y="1131279"/>
            <a:ext cx="370462" cy="413433"/>
          </a:xfrm>
          <a:prstGeom prst="rect">
            <a:avLst/>
          </a:prstGeom>
          <a:noFill/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9" name="Picture 208">
            <a:extLst>
              <a:ext uri="{FF2B5EF4-FFF2-40B4-BE49-F238E27FC236}">
                <a16:creationId xmlns:a16="http://schemas.microsoft.com/office/drawing/2014/main" id="{515CDD29-1CE2-4327-A555-F381F86997A7}"/>
              </a:ext>
            </a:extLst>
          </p:cNvPr>
          <p:cNvPicPr>
            <a:picLocks noChangeAspect="1"/>
          </p:cNvPicPr>
          <p:nvPr/>
        </p:nvPicPr>
        <p:blipFill>
          <a:blip r:embed="rId1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6100" y="6443284"/>
            <a:ext cx="1232965" cy="190239"/>
          </a:xfrm>
          <a:prstGeom prst="rect">
            <a:avLst/>
          </a:prstGeom>
        </p:spPr>
      </p:pic>
      <p:sp>
        <p:nvSpPr>
          <p:cNvPr id="210" name="TextBox 209">
            <a:extLst>
              <a:ext uri="{FF2B5EF4-FFF2-40B4-BE49-F238E27FC236}">
                <a16:creationId xmlns:a16="http://schemas.microsoft.com/office/drawing/2014/main" id="{64240E08-9830-4E63-9140-0E0F4F071EF7}"/>
              </a:ext>
            </a:extLst>
          </p:cNvPr>
          <p:cNvSpPr txBox="1"/>
          <p:nvPr/>
        </p:nvSpPr>
        <p:spPr>
          <a:xfrm>
            <a:off x="9823088" y="6401774"/>
            <a:ext cx="132408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bg1">
                    <a:lumMod val="9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de wi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23468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DcsIkciOjU0LCJCIjoxNTN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R2lsbCBTYW5zIE1UIiwiSXNCb2xkIjp0cnVlLCJJc0l0YWxpYyI6ZmFsc2UsIklzVW5kZXJsaW5lZCI6ZmFsc2UsIlBhcmVudFN0eWxlIjpudWxsfSwiQXV0b1NpemUiOjAsIkZvcmVncm91bmQiOnsiJGlkIjoiMTUiLCJDb2xvciI6eyIkaWQiOiIxNiIsIkEiOjI1NSwiUiI6MTg5LCJHIjo2NiwiQiI6MjN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EyN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IwLCJGb250TmFtZSI6IkdpbGwgU2FucyBNVCIsIklzQm9sZCI6dHJ1ZSwiSXNJdGFsaWMiOmZhbHNlLCJJc1VuZGVybGluZWQiOmZhbHNlLCJQYXJlbnRTdHlsZSI6bnVsbH0sIkF1dG9TaXplIjowLCJGb3JlZ3JvdW5kIjp7IiRpZCI6IjIzIiwiQ29sb3IiOnsiJGlkIjoiMjQiLCJBIjoyNTUsIlIiOjIwMCwiRyI6MTgwLCJCIjoyN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R2lsbCBTYW5zIE1UIiwiSXNCb2xkIjp0cnVlLCJJc0l0YWxpYyI6dHJ1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y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xN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I1NCwiRyI6MTg2LCJCIjoxMH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TZWdvZSBVSSIsIklzQm9sZCI6dHJ1ZSwiSXNJdGFsaWMiOmZhbHNlLCJJc1VuZGVybGluZWQiOmZhbHNlLCJQYXJlbnRTdHlsZSI6bnVsbH0sIkF1dG9TaXplIjowLCJGb3JlZ3JvdW5kIjp7IiRpZCI6IjY5IiwiQ29sb3IiOnsiJGlkIjoiNzAiLCJBIjoyNTUsIlIiOjIzNSwiRyI6MjM1LCJCIjoyMz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lNlZ29lIFVJIiwiSXNCb2xkIjp0cnVlLCJJc0l0YWxpYyI6dHJ1ZSwiSXNVbmRlcmxpbmVkIjpmYWxzZSwiUGFyZW50U3R5bGUiOm51bGx9LCJBdXRvU2l6ZSI6MCwiRm9yZWdyb3VuZCI6eyIkaWQiOiI3NiIsIkNvbG9yIjp7IiRpZCI6Ijc3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Q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cxLCJHIjoxMjMsIkIiOjIwOX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EsIkZvbnROYW1lIjoiU2Vnb2UgVUkiLCJJc0JvbGQiOmZhbHNlLCJJc0l0YWxpYyI6ZmFsc2UsIklzVW5kZXJsaW5lZCI6ZmFsc2UsIlBhcmVudFN0eWxlIjpudWxsfSwiQXV0b1NpemUiOjAsIkZvcmVncm91bmQiOnsiJGlkIjoiMTIxIiwiQ29sb3IiOnsiJGlkIjoiMTI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kxLCJHIjoxNTUsIkIiOjIxM319LCJMaW5lV2VpZ2h0IjoxLjAsIkxpbmVUeXBlIjowLCJQYXJlbnRTdHlsZSI6bnVsbH0sIk1hcmdpbiI6eyIkaWQiOiIxMzIiLCJUb3AiOjAsIkxlZnQiOjAsIlJpZ2h0IjowLCJCb3R0b20iOjB9LCJQYWRkaW5nIjp7IiRpZCI6IjEzMyIsIlRvcCI6MCwiTGVmdCI6MCwiUmlnaHQiOjAsIkJvdHRvbSI6MH0sIkJhY2tncm91bmQiOm51bGwsIklzVmlzaWJsZSI6dHJ1ZSwiV2lkdGgiOjAuMCwiSGVpZ2h0IjowLjAsIkJvcmRlclN0eWxlIjp7IiRpZCI6IjEzNCIsIkxpbmVDb2xvciI6bnVsbCwiTGluZVdlaWdodCI6MC4wLCJMaW5lVHlwZSI6MCwiUGFyZW50U3R5bGUiOm51bGx9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Tg3OS0wMy0xNFQyMzo1OTowMCIsIkVuZERhdGUiOiIyMDIwLTAzLTA1VDIzOjU5OjAwIiwiRm9ybWF0IjoiTU1NIiwiVHlwZSI6NCwiQXV0b0RhdGVSYW5nZSI6dHJ1ZSwiV29ya2luZ0RheXMiOjMxLCJUb2RheU1hcmtlclRleHQiOiJUb2RheSIsIkF1dG9TY2FsZVR5cGUiOnRydWV9LCJNaWxlc3RvbmVzIjpbeyIkaWQiOiIxNjQiLCJEYXRlIjoiMTg3OS0wMy0xNFQyMzo1OTowMFoiLCJTdHlsZSI6eyIkaWQiOiIxNjUiLCJTaGFwZSI6MTYsIkNvbm5lY3Rvck1hcmdpbiI6eyIkcmVmIjoiNTQifSwiQ29ubmVjdG9yU3R5bGUiOnsiJGlkIjoiMTY2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E3NSIsIkNvbG9yIjp7IiRpZCI6IjE3NiIsIkEiOjAsIlIiOjI1NSwiRyI6MjU1LCJCIjoyNTV9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IsIkZvbnROYW1lIjoiU2Vnb2UgVUkiLCJJc0JvbGQiOnRydWUsIklzSXRhbGljIjp0cnVlLCJJc1VuZGVybGluZWQiOmZhbHNlLCJQYXJlbnRTdHlsZSI6bnVsbH0sIkF1dG9TaXplIjowLCJGb3JlZ3JvdW5kIjp7IiRpZCI6IjE4MCIsIkNvbG9yIjp7IiRpZCI6IjE4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bnVsbH0sIkRhdGVGb3JtYXQiOnsiJGlkIjoiMTg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iwiRm9udE5hbWUiOiJTZWdvZSBVSSIsIklzQm9sZCI6dHJ1ZSwiSXNJdGFsaWMiOnRydWUsIklzVW5kZXJsaW5lZCI6ZmFsc2UsIlBhcmVudFN0eWxlIjpudWxsfSwiQXV0b1NpemUiOjAsIkZvcmVncm91bmQiOnsiJGlkIjoiMjA0IiwiQ29sb3IiOnsiJGlkIjoiMjA1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Rm9ybWF0Ijp7IiRpZCI6IjIw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IsIkZvbnROYW1lIjoiU2Vnb2UgVUkiLCJJc0JvbGQiOnRydWUsIklzSXRhbGljIjp0cnVlLCJJc1VuZGVybGluZWQiOmZhbHNlLCJQYXJlbnRTdHlsZSI6bnVsbH0sIkF1dG9TaXplIjowLCJGb3JlZ3JvdW5kIjp7IiRpZCI6IjIyOCIsIkNvbG9yIjp7IiRpZCI6IjIyO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zMCIsIkNvbG9yIjp7IiRpZCI6IjIzMSIsIkEiOjAsIlIiOjI1NSwiRyI6MjU1LCJCIjoyNTV9fSwiSXNWaXNpYmxlIjp0cnVlLCJXaWR0aCI6MC4wLCJIZWlnaHQiOjAuMCwiQm9yZGVyU3R5bGUiOnsiJGlkIjoiMjMyIiwiTGluZUNvbG9yIjpudWxsLCJMaW5lV2VpZ2h0IjowLjAsIkxpbmVUeXBlIjowLCJQYXJlbnRTdHlsZSI6bnVsbH0sIlBhcmVudFN0eWxlIjpudWxsfSwiRGF0ZUZvcm1hdCI6eyIkaWQiOiIyM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TYiLCJDb2xvciI6eyIkaWQiOiIyNTciLCJBIjowLCJSIjoyNTUsIkciOjI1NSwiQiI6MjU1fX0sIklzVmlzaWJsZSI6dHJ1ZSwiV2lkdGgiOjAuMCwiSGVpZ2h0IjowLjAsIkJvcmRlclN0eWxlIjp7IiRpZCI6IjI1OCIsIkxpbmVDb2xvciI6bnVsbCwiTGluZVdlaWdodCI6MC4wLCJMaW5lVHlwZSI6MCwiUGFyZW50U3R5bGUiOm51bGx9LCJQYXJlbnRTdHlsZSI6bnVsbH0sIkRhdGVGb3JtYXQiOnsiJGlkIjoiMj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5NyIsIkNvbG9yIjp7IiRpZCI6IjI5OCIsIkEiOjAsIlIiOjI1NSwiRyI6MjU1LCJCIjoyNTV9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IsIkZvbnROYW1lIjoiU2Vnb2UgVUkiLCJJc0JvbGQiOnRydWUsIklzSXRhbGljIjp0cnVlLCJJc1VuZGVybGluZWQiOmZhbHNlLCJQYXJlbnRTdHlsZSI6bnVsbH0sIkF1dG9TaXplIjowLCJGb3JlZ3JvdW5kIjp7IiRpZCI6IjMwMiIsIkNvbG9yIjp7IiRpZCI6IjMwM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MwNCIsIkNvbG9yIjp7IiRpZCI6IjMwNSIsIkEiOjAsIlIiOjI1NSwiRyI6MjU1LCJCIjoyNTV9fSwiSXNWaXNpYmxlIjp0cnVlLCJXaWR0aCI6MC4wLCJIZWlnaHQiOjAuMCwiQm9yZGVyU3R5bGUiOnsiJGlkIjoiMzA2IiwiTGluZUNvbG9yIjpudWxsLCJMaW5lV2VpZ2h0IjowLjAsIkxpbmVUeXBlIjowLCJQYXJlbnRTdHlsZSI6bnVsbH0sIlBhcmVudFN0eWxlIjpudWxsfSwiRGF0ZUZvcm1hdCI6eyIkaWQiOiIzM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yLCJGb250TmFtZSI6IlNlZ29lIFVJIiwiSXNCb2xkIjp0cnVlLCJJc0l0YWxpYyI6dHJ1ZSwiSXNVbmRlcmxpbmVkIjpmYWxzZSwiUGFyZW50U3R5bGUiOm51bGx9LCJBdXRvU2l6ZSI6MCwiRm9yZWdyb3VuZCI6eyIkaWQiOiIzMjYiLCJDb2xvciI6eyIkaWQiOiIzMjc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MjgiLCJDb2xvciI6eyIkaWQiOiIzMjkiLCJBIjowLCJSIjoyNTUsIkciOjI1NSwiQiI6MjU1fX0sIklzVmlzaWJsZSI6dHJ1ZSwiV2lkdGgiOjAuMCwiSGVpZ2h0IjowLjAsIkJvcmRlclN0eWxlIjp7IiRpZCI6IjMzMCIsIkxpbmVDb2xvciI6bnVsbCwiTGluZVdlaWdodCI6MC4wLCJMaW5lVHlwZSI6MCwiUGFyZW50U3R5bGUiOm51bGx9LCJQYXJlbnRTdHlsZSI6bnVsbH0sIkRhdGVGb3JtYXQiOnsiJGlkIjoiMz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NDUiLCJDb2xvciI6eyIkaWQiOiIzNDYiLCJBIjowLCJSIjoyNTUsIkciOjI1NSwiQiI6MjU1fX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yLCJGb250TmFtZSI6IlNlZ29lIFVJIiwiSXNCb2xkIjp0cnVlLCJJc0l0YWxpYyI6dHJ1ZSwiSXNVbmRlcmxpbmVkIjpmYWxzZSwiUGFyZW50U3R5bGUiOm51bGx9LCJBdXRvU2l6ZSI6MCwiRm9yZWdyb3VuZCI6eyIkaWQiOiIzNTAiLCJDb2xvciI6eyIkaWQiOiIzNTE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Gb3JtYXQiOnsiJGlkIjoiMzU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iwiRm9udE5hbWUiOiJTZWdvZSBVSSIsIklzQm9sZCI6dHJ1ZSwiSXNJdGFsaWMiOnRydWUsIklzVW5kZXJsaW5lZCI6ZmFsc2UsIlBhcmVudFN0eWxlIjpudWxsfSwiQXV0b1NpemUiOjAsIkZvcmVncm91bmQiOnsiJGlkIjoiMzc0IiwiQ29sb3IiOnsiJGlkIjoiMzc1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0MDAiLCJDb2xvciI6eyIkaWQiOiI0MDEiLCJBIjowLCJSIjoyNTUsIkciOjI1NSwiQiI6MjU1fX0sIklzVmlzaWJsZSI6dHJ1ZSwiV2lkdGgiOjAuMCwiSGVpZ2h0IjowLjAsIkJvcmRlclN0eWxlIjp7IiRpZCI6IjQwMiIsIkxpbmVDb2xvciI6bnVsbCwiTGluZVdlaWdodCI6MC4wLCJMaW5lVHlwZSI6MCwiUGFyZW50U3R5bGUiOm51bGx9LCJQYXJlbnRTdHlsZSI6bnVsbH0sIkRhdGVGb3JtYXQiOnsiJGlkIjoiNDA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xNyIsIkNvbG9yIjp7IiRpZCI6IjQxOCIsIkEiOjAsIlIiOjI1NSwiRyI6MjU1LCJCIjoyNTV9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IsIkZvbnROYW1lIjoiU2Vnb2UgVUkiLCJJc0JvbGQiOnRydWUsIklzSXRhbGljIjp0cnVlLCJJc1VuZGVybGluZWQiOmZhbHNlLCJQYXJlbnRTdHlsZSI6bnVsbH0sIkF1dG9TaXplIjowLCJGb3JlZ3JvdW5kIjp7IiRpZCI6IjQyMiIsIkNvbG9yIjp7IiRpZCI6IjQyM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yNCIsIkNvbG9yIjp7IiRpZCI6IjQyNSIsIkEiOjAsIlIiOjI1NSwiRyI6MjU1LCJCIjoyNTV9fSwiSXNWaXNpYmxlIjp0cnVlLCJXaWR0aCI6MC4wLCJIZWlnaHQiOjAuMCwiQm9yZGVyU3R5bGUiOnsiJGlkIjoiNDI2IiwiTGluZUNvbG9yIjpudWxsLCJMaW5lV2VpZ2h0IjowLjAsIkxpbmVUeXBlIjowLCJQYXJlbnRTdHlsZSI6bnVsbH0sIlBhcmVudFN0eWxlIjpudWxsfSwiRGF0ZUZvcm1hdCI6eyIkaWQiOiI0M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DQxIiwiQ29sb3IiOnsiJGlkIjoiNDQyIiwiQSI6MCwiUiI6MjU1LCJHIjoyNTUsIkIiOjI1NX1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xMiwiRm9udE5hbWUiOiJTZWdvZSBVSSIsIklzQm9sZCI6dHJ1ZSwiSXNJdGFsaWMiOnRydWUsIklzVW5kZXJsaW5lZCI6ZmFsc2UsIlBhcmVudFN0eWxlIjpudWxsfSwiQXV0b1NpemUiOjAsIkZvcmVncm91bmQiOnsiJGlkIjoiNDQ2IiwiQ29sb3IiOnsiJGlkIjoiNDQ3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Rm9ybWF0Ijp7IiRpZCI6IjQ1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3MiIsIkNvbG9yIjp7IiRpZCI6IjQ3MyIsIkEiOjAsIlIiOjI1NSwiRyI6MjU1LCJCIjoyNTV9fSwiSXNWaXNpYmxlIjp0cnVlLCJXaWR0aCI6MC4wLCJIZWlnaHQiOjAuMCwiQm9yZGVyU3R5bGUiOnsiJGlkIjoiNDc0IiwiTGluZUNvbG9yIjpudWxsLCJMaW5lV2VpZ2h0IjowLjAsIkxpbmVUeXBlIjowLCJQYXJlbnRTdHlsZSI6bnVsbH0sIlBhcmVudFN0eWxlIjpudWxsfSwiRGF0ZUZvcm1hdCI6eyIkaWQiOiI0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U3R5bGUiOnsiJGlkIjoiNDkyIiwiRm9udFNldHRpbmdzIjp7IiRpZCI6IjQ5MyIsIkZvbnRTaXplIjoxMiwiRm9udE5hbWUiOiJTZWdvZSBVSSIsIklzQm9sZCI6dHJ1ZSwiSXNJdGFsaWMiOnRydWUsIklzVW5kZXJsaW5lZCI6ZmFsc2UsIlBhcmVudFN0eWxlIjpudWxsfSwiQXV0b1NpemUiOjAsIkZvcmVncm91bmQiOnsiJGlkIjoiNDk0IiwiQ29sb3IiOnsiJGlkIjoiNDk1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pZCI6IjQ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Gb3JtYXQiOnsiJGlkIjoiNTI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1NDQiLCJDb2xvciI6eyIkaWQiOiI1NDUiLCJBIjowLCJSIjoyNTUsIkciOjI1NSwiQiI6MjU1fX0sIklzVmlzaWJsZSI6dHJ1ZSwiV2lkdGgiOjAuMCwiSGVpZ2h0IjowLjAsIkJvcmRlclN0eWxlIjp7IiRpZCI6IjU0NiIsIkxpbmVDb2xvciI6bnVsbCwiTGluZVdlaWdodCI6MC4wLCJMaW5lVHlwZSI6MCwiUGFyZW50U3R5bGUiOm51bGx9LCJQYXJlbnRTdHlsZSI6bnVsbH0sIkRhdGVGb3JtYXQiOnsiJGlkIjoiNT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RhdGVTdHlsZSI6eyIkaWQiOiI1NjQiLCJGb250U2V0dGluZ3MiOnsiJGlkIjoiNTY1IiwiRm9udFNpemUiOjEyLCJGb250TmFtZSI6IlNlZ29lIFVJIiwiSXNCb2xkIjp0cnVlLCJJc0l0YWxpYyI6dHJ1ZSwiSXNVbmRlcmxpbmVkIjpmYWxzZSwiUGFyZW50U3R5bGUiOm51bGx9LCJBdXRvU2l6ZSI6MCwiRm9yZWdyb3VuZCI6eyIkaWQiOiI1NjYiLCJDb2xvciI6eyIkaWQiOiI1N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Rm9ybWF0Ijp7IiRpZCI6IjU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UZvcm1hdCI6eyIkaWQiOiI1O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UZvcm1hdCI6eyIkaWQiOiI2M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udWxsfSwiRGF0ZVN0eWxlIjp7IiRpZCI6IjYzNiIsIkZvbnRTZXR0aW5ncyI6eyIkaWQiOiI2MzciLCJGb250U2l6ZSI6MTIsIkZvbnROYW1lIjoiU2Vnb2UgVUkiLCJJc0JvbGQiOnRydWUsIklzSXRhbGljIjp0cnVlLCJJc1VuZGVybGluZWQiOmZhbHNlLCJQYXJlbnRTdHlsZSI6bnVsbH0sIkF1dG9TaXplIjowLCJGb3JlZ3JvdW5kIjp7IiRpZCI6IjYzOCIsIkNvbG9yIjp7IiRpZCI6IjYzO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0MCIsIkNvbG9yIjp7IiRpZCI6IjY0MSIsIkEiOjAsIlIiOjI1NSwiRyI6MjU1LCJCIjoyNTV9fSwiSXNWaXNpYmxlIjp0cnVlLCJXaWR0aCI6MC4wLCJIZWlnaHQiOjAuMCwiQm9yZGVyU3R5bGUiOnsiJGlkIjoiNjQyIiwiTGluZUNvbG9yIjpudWxsLCJMaW5lV2VpZ2h0IjowLjAsIkxpbmVUeXBlIjowLCJQYXJlbnRTdHlsZSI6bnVsbH0sIlBhcmVudFN0eWxlIjpudWxsfSwiRGF0ZUZvcm1hdCI6eyIkaWQiOiI2N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NTciLCJDb2xvciI6eyIkaWQiOiI2NTgiLCJBIjowLCJSIjoyNTUsIkciOjI1NSwiQiI6MjU1fX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EyLCJGb250TmFtZSI6IlNlZ29lIFVJIiwiSXNCb2xkIjp0cnVlLCJJc0l0YWxpYyI6dHJ1ZSwiSXNVbmRlcmxpbmVkIjpmYWxzZSwiUGFyZW50U3R5bGUiOm51bGx9LCJBdXRvU2l6ZSI6MCwiRm9yZWdyb3VuZCI6eyIkaWQiOiI2NjIiLCJDb2xvciI6eyIkaWQiOiI2NjM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2NjQiLCJDb2xvciI6eyIkaWQiOiI2NjUiLCJBIjowLCJSIjoyNTUsIkciOjI1NSwiQiI6MjU1fX0sIklzVmlzaWJsZSI6dHJ1ZSwiV2lkdGgiOjAuMCwiSGVpZ2h0IjowLjAsIkJvcmRlclN0eWxlIjp7IiRpZCI6IjY2NiIsIkxpbmVDb2xvciI6bnVsbCwiTGluZVdlaWdodCI6MC4wLCJMaW5lVHlwZSI6MCwiUGFyZW50U3R5bGUiOm51bGx9LCJQYXJlbnRTdHlsZSI6bnVsbH0sIkRhdGVGb3JtYXQiOnsiJGlkIjoiNjY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jg4IiwiQ29sb3IiOnsiJGlkIjoiNjg5IiwiQSI6MCwiUiI6MjU1LCJHIjoyNTUsIkIiOjI1NX19LCJJc1Zpc2libGUiOnRydWUsIldpZHRoIjowLjAsIkhlaWdodCI6MC4wLCJCb3JkZXJTdHlsZSI6eyIkaWQiOiI2OTAiLCJMaW5lQ29sb3IiOm51bGwsIkxpbmVXZWlnaHQiOjAuMCwiTGluZVR5cGUiOjAsIlBhcmVudFN0eWxlIjpudWxsfSwiUGFyZW50U3R5bGUiOm51bGx9LCJEYXRlRm9ybWF0Ijp7IiRpZCI6IjY5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xMiwiRm9udE5hbWUiOiJTZWdvZSBVSSIsIklzQm9sZCI6dHJ1ZSwiSXNJdGFsaWMiOnRydWUsIklzVW5kZXJsaW5lZCI6ZmFsc2UsIlBhcmVudFN0eWxlIjpudWxsfSwiQXV0b1NpemUiOjAsIkZvcmVncm91bmQiOnsiJGlkIjoiNzEwIiwiQ29sb3IiOnsiJGlkIjoiNzEx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zEyIiwiQ29sb3IiOnsiJGlkIjoiNzEzIiwiQSI6MCwiUiI6MjU1LCJHIjoyNTUsIkIiOjI1NX19LCJJc1Zpc2libGUiOnRydWUsIldpZHRoIjowLjAsIkhlaWdodCI6MC4wLCJCb3JkZXJTdHlsZSI6eyIkaWQiOiI3MTQiLCJMaW5lQ29sb3IiOm51bGwsIkxpbmVXZWlnaHQiOjAuMCwiTGluZVR5cGUiOjAsIlBhcmVudFN0eWxlIjpudWxsfSwiUGFyZW50U3R5bGUiOm51bGx9LCJEYXRlRm9ybWF0Ijp7IiRpZCI6Ijcx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3MjQiLCJMaW5lQ29sb3IiOm51bGwsIkxpbmVXZWlnaHQiOjAuMCwiTGluZVR5cGUiOjAsIlBhcmVudFN0eWxlIjpudWxsfSwiUGFyZW50U3R5bGUiOm51bGx9LCJEdXJhdGlvblN0eWxlIjp7IiRpZCI6IjcyNSIsIkZvbnRTZXR0aW5ncyI6eyIkaWQiOiI3MjY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cyNyIsIkxpbmVDb2xvciI6bnVsbCwiTGluZVdlaWdodCI6MC4wLCJMaW5lVHlwZSI6MCwiUGFyZW50U3R5bGUiOm51bGx9LCJQYXJlbnRTdHlsZSI6bnVsbH0sIkhvcml6b250YWxDb25uZWN0b3JTdHlsZSI6eyIkaWQiOiI3MjgiLCJMaW5lQ29sb3IiOnsiJHJlZiI6Ijk5In0sIkxpbmVXZWlnaHQiOjEuMCwiTGluZVR5cGUiOjAsIlBhcmVudFN0eWxlIjpudWxsfSwiVmVydGljYWxDb25uZWN0b3JTdHlsZSI6eyIkaWQiOiI3MjkiLCJMaW5lQ29sb3IiOnsiJHJlZiI6IjEwMiJ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Gb3JtYXQiOnsiJGlkIjoiNzUw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U4IiwiTGluZUNvbG9yIjpudWxsLCJMaW5lV2VpZ2h0IjowLjAsIkxpbmVUeXBlIjowLCJQYXJlbnRTdHlsZSI6bnVsbH0sIlBhcmVudFN0eWxlIjpudWxsfSwiRHVyYXRpb25TdHlsZSI6eyIkaWQiOiI3NTkiLCJGb250U2V0dGluZ3MiOnsiJGlkIjoiNzY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UaXRsZVN0eWxlIjp7IiRpZCI6Ijc3MCIsIkZvbnRTZXR0aW5ncyI6eyIkaWQiOiI3NzEiLCJGb250U2l6ZSI6MTEsIkZvbnROYW1lIjoiQ2FsaWJyaSIsIklzQm9sZCI6dHJ1ZSwiSXNJdGFsaWMiOmZhbHNlLCJJc1VuZGVybGluZWQiOmZhbHNlLCJQYXJlbnRTdHlsZSI6bnVsbH0sIkF1dG9TaXplIjowLCJGb3JlZ3JvdW5kIjp7IiRpZCI6Ijc3MiIsIkNvbG9yIjp7IiRpZCI6Ijc3M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RGF0ZVN0eWxlIjp7IiRpZCI6Ijc3NyIsIkZvbnRTZXR0aW5ncyI6eyIkaWQiOiI3NzgiLCJGb250U2l6ZSI6MTEsIkZvbnROYW1lIjoiU2Vnb2UgVUkiLCJJc0JvbGQiOmZhbHNlLCJJc0l0YWxpYyI6ZmFsc2UsIklzVW5kZXJsaW5lZCI6ZmFsc2UsIlBhcmVudFN0eWxlIjpudWxsfSwiQXV0b1NpemUiOjAsIkZvcmVncm91bmQiOnsiJGlkIjoiNzc5IiwiQ29sb3IiOnsiJGlkIjoiNzg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NzgxIiwiQ29sb3IiOnsiJGlkIjoiNzgyIiwiQSI6MCwiUiI6MjU1LCJHIjoyNTUsIkIiOjI1NX19LCJJc1Zpc2libGUiOnRydWUsIldpZHRoIjowLjAsIkhlaWdodCI6MC4wLCJCb3JkZXJTdHlsZSI6eyIkaWQiOiI3ODMiLCJMaW5lQ29sb3IiOm51bGwsIkxpbmVXZWlnaHQiOjAuMCwiTGluZVR5cGUiOjAsIlBhcmVudFN0eWxlIjpudWxsfSwiUGFyZW50U3R5bGUiOm51bGx9LCJEYXRlRm9ybWF0Ijp7IiRpZCI6Ijc4N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kyIiwiTGluZUNvbG9yIjpudWxsLCJMaW5lV2VpZ2h0IjowLjAsIkxpbmVUeXBlIjowLCJQYXJlbnRTdHlsZSI6bnVsbH0sIlBhcmVudFN0eWxlIjpudWxsfSwiRHVyYXRpb25TdHlsZSI6eyIkaWQiOiI3OTMiLCJGb250U2V0dGluZ3MiOnsiJGlkIjoiNzk0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gxMyIsIkNvbG9yIjp7IiRpZCI6IjgxNCIsIkEiOjAsIlIiOjI1NSwiRyI6MjU1LCJCIjoyNTV9fSwiSXNWaXNpYmxlIjp0cnVlLCJXaWR0aCI6MC4wLCJIZWlnaHQiOjAuMCwiQm9yZGVyU3R5bGUiOnsiJGlkIjoiODE1IiwiTGluZUNvbG9yIjpudWxsLCJMaW5lV2VpZ2h0IjowLjAsIkxpbmVUeXBlIjowLCJQYXJlbnRTdHlsZSI6bnVsbH0sIlBhcmVudFN0eWxlIjpudWxsfSwiRGF0ZUZvcm1hdCI6eyIkaWQiOiI4MT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gyMiIsIlVzZVRpbWUiOmZhbHNlLCJXb3JrRGF5U3RhcnQiOiIwMDowMDowMCIsIldvcmtEYXlFbmQiOiIyMzo1OTowMCJ9LCJMYXN0VXNlZFRlbXBsYXRlSWQiOiIwMmM3ZGE2ZC00NDczLTQ5OWYtOThhZC05ZmY2NTJhNDM0MG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DcsIkciOjU0LCJCIjoxNTN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R2lsbCBTYW5zIE1UIiwiSXNCb2xkIjp0cnVlLCJJc0l0YWxpYyI6ZmFsc2UsIklzVW5kZXJsaW5lZCI6ZmFsc2UsIlBhcmVudFN0eWxlIjpudWxsfSwiQXV0b1NpemUiOjAsIkZvcmVncm91bmQiOnsiJGlkIjoiMTUiLCJDb2xvciI6eyIkaWQiOiIxNiIsIkEiOjI1NSwiUiI6MTg5LCJHIjo2NiwiQiI6MjN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EyN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IwLCJGb250TmFtZSI6IkdpbGwgU2FucyBNVCIsIklzQm9sZCI6dHJ1ZSwiSXNJdGFsaWMiOmZhbHNlLCJJc1VuZGVybGluZWQiOmZhbHNlLCJQYXJlbnRTdHlsZSI6bnVsbH0sIkF1dG9TaXplIjowLCJGb3JlZ3JvdW5kIjp7IiRpZCI6IjIzIiwiQ29sb3IiOnsiJGlkIjoiMjQiLCJBIjoyNTUsIlIiOjIwMCwiRyI6MTgwLCJCIjoyN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R2lsbCBTYW5zIE1UIiwiSXNCb2xkIjp0cnVlLCJJc0l0YWxpYyI6dHJ1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y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xN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I1NCwiRyI6MTg2LCJCIjoxMH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TZWdvZSBVSSIsIklzQm9sZCI6dHJ1ZSwiSXNJdGFsaWMiOmZhbHNlLCJJc1VuZGVybGluZWQiOmZhbHNlLCJQYXJlbnRTdHlsZSI6bnVsbH0sIkF1dG9TaXplIjowLCJGb3JlZ3JvdW5kIjp7IiRpZCI6IjY5IiwiQ29sb3IiOnsiJGlkIjoiNzAiLCJBIjoyNTUsIlIiOjIzNSwiRyI6MjM1LCJCIjoyMz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yLCJGb250TmFtZSI6IlNlZ29lIFVJIiwiSXNCb2xkIjp0cnVlLCJJc0l0YWxpYyI6dHJ1ZSwiSXNVbmRlcmxpbmVkIjpmYWxzZSwiUGFyZW50U3R5bGUiOm51bGx9LCJBdXRvU2l6ZSI6MCwiRm9yZWdyb3VuZCI6eyIkaWQiOiI3NiIsIkNvbG9yIjp7IiRpZCI6Ijc3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Q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cxLCJHIjoxMjMsIkIiOjIwOX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EsIkZvbnROYW1lIjoiU2Vnb2UgVUkiLCJJc0JvbGQiOmZhbHNlLCJJc0l0YWxpYyI6ZmFsc2UsIklzVW5kZXJsaW5lZCI6ZmFsc2UsIlBhcmVudFN0eWxlIjpudWxsfSwiQXV0b1NpemUiOjAsIkZvcmVncm91bmQiOnsiJGlkIjoiMTIxIiwiQ29sb3IiOnsiJGlkIjoiMTI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kxLCJHIjoxNTUsIkIiOjIxM319LCJMaW5lV2VpZ2h0IjoxLjAsIkxpbmVUeXBlIjowLCJQYXJlbnRTdHlsZSI6bnVsbH0sIk1hcmdpbiI6eyIkaWQiOiIxMzIiLCJUb3AiOjAsIkxlZnQiOjAsIlJpZ2h0IjowLCJCb3R0b20iOjB9LCJQYWRkaW5nIjp7IiRpZCI6IjEzMyIsIlRvcCI6MCwiTGVmdCI6MCwiUmlnaHQiOjAsIkJvdHRvbSI6MH0sIkJhY2tncm91bmQiOm51bGwsIklzVmlzaWJsZSI6dHJ1ZSwiV2lkdGgiOjAuMCwiSGVpZ2h0IjowLjAsIkJvcmRlclN0eWxlIjp7IiRpZCI6IjEzNCIsIkxpbmVDb2xvciI6bnVsbCwiTGluZVdlaWdodCI6MC4wLCJMaW5lVHlwZSI6MCwiUGFyZW50U3R5bGUiOm51bGx9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Tg3OS0wMy0xNFQyMzo1OTowMCIsIkVuZERhdGUiOiIyMDIwLTAzLTA1VDIzOjU5OjAwIiwiRm9ybWF0IjoiTU1NIiwiVHlwZSI6NCwiQXV0b0RhdGVSYW5nZSI6dHJ1ZSwiV29ya2luZ0RheXMiOjMxLCJUb2RheU1hcmtlclRleHQiOiJUb2RheSIsIkF1dG9TY2FsZVR5cGUiOnRydWV9LCJNaWxlc3RvbmVzIjpbeyIkaWQiOiIxNjQiLCJEYXRlIjoiMTg3OS0wMy0xNFQyMzo1OTowMFoiLCJTdHlsZSI6eyIkaWQiOiIxNjUiLCJTaGFwZSI6MTYsIkNvbm5lY3Rvck1hcmdpbiI6eyIkcmVmIjoiNTQifSwiQ29ubmVjdG9yU3R5bGUiOnsiJGlkIjoiMTY2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NzUiLCJDb2xvciI6eyIkaWQiOiIxNzYiLCJBIjowLCJSIjoyNTUsIkciOjI1NSwiQiI6MjU1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yLCJGb250TmFtZSI6IlNlZ29lIFVJIiwiSXNCb2xkIjp0cnVlLCJJc0l0YWxpYyI6dHJ1ZSwiSXNVbmRlcmxpbmVkIjpmYWxzZSwiUGFyZW50U3R5bGUiOm51bGx9LCJBdXRvU2l6ZSI6MCwiRm9yZWdyb3VuZCI6eyIkaWQiOiIxODAiLCJDb2xvciI6eyIkaWQiOiIxO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gyIiwiQ29sb3IiOnsiJGlkIjoiMTgzIiwiQSI6MCwiUiI6MjU1LCJHIjoyNTUsIkIiOjI1NX19LCJJc1Zpc2libGUiOnRydWUsIldpZHRoIjowLjAsIkhlaWdodCI6MC4wLCJCb3JkZXJTdHlsZSI6eyIkaWQiOiIxODQiLCJMaW5lQ29sb3IiOm51bGwsIkxpbmVXZWlnaHQiOjAuMCwiTGluZVR5cGUiOjAsIlBhcmVudFN0eWxlIjpudWxsfSwiUGFyZW50U3R5bGUiOm51bGx9LCJEYXRlRm9ybWF0Ijp7IiRpZCI6IjE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iwiRm9udE5hbWUiOiJTZWdvZSBVSSIsIklzQm9sZCI6dHJ1ZSwiSXNJdGFsaWMiOnRydWUsIklzVW5kZXJsaW5lZCI6ZmFsc2UsIlBhcmVudFN0eWxlIjpudWxsfSwiQXV0b1NpemUiOjAsIkZvcmVncm91bmQiOnsiJGlkIjoiMjA0IiwiQ29sb3IiOnsiJGlkIjoiMjA1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Rm9ybWF0Ijp7IiRpZCI6IjIw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IzIiwiQ29sb3IiOnsiJGlkIjoiMjI0IiwiQSI6MCwiUiI6MjU1LCJHIjoyNTUsIkIiOjI1NX1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iwiRm9udE5hbWUiOiJTZWdvZSBVSSIsIklzQm9sZCI6dHJ1ZSwiSXNJdGFsaWMiOnRydWUsIklzVW5kZXJsaW5lZCI6ZmFsc2UsIlBhcmVudFN0eWxlIjpudWxsfSwiQXV0b1NpemUiOjAsIkZvcmVncm91bmQiOnsiJGlkIjoiMjI4IiwiQ29sb3IiOnsiJGlkIjoiMjI5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wIiwiQ29sb3IiOnsiJGlkIjoiMjMxIiwiQSI6MCwiUiI6MjU1LCJHIjoyNTUsIkIiOjI1NX19LCJJc1Zpc2libGUiOnRydWUsIldpZHRoIjowLjAsIkhlaWdodCI6MC4wLCJCb3JkZXJTdHlsZSI6eyIkaWQiOiIyMzIiLCJMaW5lQ29sb3IiOm51bGwsIkxpbmVXZWlnaHQiOjAuMCwiTGluZVR5cGUiOjAsIlBhcmVudFN0eWxlIjpudWxsfSwiUGFyZW50U3R5bGUiOm51bGx9LCJEYXRlRm9ybWF0Ijp7IiRpZCI6IjIz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yLCJGb250TmFtZSI6IlNlZ29lIFVJIiwiSXNCb2xkIjp0cnVlLCJJc0l0YWxpYyI6dHJ1ZSwiSXNVbmRlcmxpbmVkIjpmYWxzZSwiUGFyZW50U3R5bGUiOm51bGx9LCJBdXRvU2l6ZSI6MCwiRm9yZWdyb3VuZCI6eyIkaWQiOiIyNTIiLCJDb2xvciI6eyIkaWQiOiIyNTM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Gb3JtYXQiOnsiJGlkIjoiMjU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IsIkZvbnROYW1lIjoiU2Vnb2UgVUkiLCJJc0JvbGQiOnRydWUsIklzSXRhbGljIjp0cnVlLCJJc1VuZGVybGluZWQiOmZhbHNlLCJQYXJlbnRTdHlsZSI6bnVsbH0sIkF1dG9TaXplIjowLCJGb3JlZ3JvdW5kIjp7IiRpZCI6IjI3NiIsIkNvbG9yIjp7IiRpZCI6IjI3N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UZvcm1hdCI6eyIkaWQiOiIy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yLCJGb250TmFtZSI6IlNlZ29lIFVJIiwiSXNCb2xkIjp0cnVlLCJJc0l0YWxpYyI6dHJ1ZSwiSXNVbmRlcmxpbmVkIjpmYWxzZSwiUGFyZW50U3R5bGUiOm51bGx9LCJBdXRvU2l6ZSI6MCwiRm9yZWdyb3VuZCI6eyIkaWQiOiIzMDAiLCJDb2xvciI6eyIkaWQiOiIzMDE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Gb3JtYXQiOnsiJGlkIjoiMz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udWxsfSwiRGF0ZVN0eWxlIjp7IiRpZCI6IjMyMiIsIkZvbnRTZXR0aW5ncyI6eyIkaWQiOiIzMjMiLCJGb250U2l6ZSI6MTIsIkZvbnROYW1lIjoiU2Vnb2UgVUkiLCJJc0JvbGQiOnRydWUsIklzSXRhbGljIjp0cnVlLCJJc1VuZGVybGluZWQiOmZhbHNlLCJQYXJlbnRTdHlsZSI6bnVsbH0sIkF1dG9TaXplIjowLCJGb3JlZ3JvdW5kIjp7IiRpZCI6IjMyNCIsIkNvbG9yIjp7IiRpZCI6IjMyN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MyNiIsIkNvbG9yIjp7IiRpZCI6IjMyNyIsIkEiOjAsIlIiOjI1NSwiRyI6MjU1LCJCIjoyNTV9fSwiSXNWaXNpYmxlIjp0cnVlLCJXaWR0aCI6MC4wLCJIZWlnaHQiOjAuMCwiQm9yZGVyU3R5bGUiOnsiJGlkIjoiMzI4IiwiTGluZUNvbG9yIjpudWxsLCJMaW5lV2VpZ2h0IjowLjAsIkxpbmVUeXBlIjowLCJQYXJlbnRTdHlsZSI6bnVsbH0sIlBhcmVudFN0eWxlIjpudWxsfSwiRGF0ZUZvcm1hdCI6eyIkaWQiOiIzM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iwiRm9udE5hbWUiOiJTZWdvZSBVSSIsIklzQm9sZCI6dHJ1ZSwiSXNJdGFsaWMiOnRydWUsIklzVW5kZXJsaW5lZCI6ZmFsc2UsIlBhcmVudFN0eWxlIjpudWxsfSwiQXV0b1NpemUiOjAsIkZvcmVncm91bmQiOnsiJGlkIjoiMzQ4IiwiQ29sb3IiOnsiJGlkIjoiMzQ5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Rm9ybWF0Ijp7IiRpZCI6IjM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NzQiLCJDb2xvciI6eyIkaWQiOiIzNzUiLCJBIjowLCJSIjoyNTUsIkciOjI1NSwiQiI6MjU1fX0sIklzVmlzaWJsZSI6dHJ1ZSwiV2lkdGgiOjAuMCwiSGVpZ2h0IjowLjAsIkJvcmRlclN0eWxlIjp7IiRpZCI6IjM3NiIsIkxpbmVDb2xvciI6bnVsbCwiTGluZVdlaWdodCI6MC4wLCJMaW5lVHlwZSI6MCwiUGFyZW50U3R5bGUiOm51bGx9LCJQYXJlbnRTdHlsZSI6bnVsbH0sIkRhdGVGb3JtYXQiOnsiJGlkIjoiMz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k4IiwiQ29sb3IiOnsiJGlkIjoiMzk5IiwiQSI6MCwiUiI6MjU1LCJHIjoyNTUsIkIiOjI1NX19LCJJc1Zpc2libGUiOnRydWUsIldpZHRoIjowLjAsIkhlaWdodCI6MC4wLCJCb3JkZXJTdHlsZSI6eyIkaWQiOiI0MDAiLCJMaW5lQ29sb3IiOm51bGwsIkxpbmVXZWlnaHQiOjAuMCwiTGluZVR5cGUiOjAsIlBhcmVudFN0eWxlIjpudWxsfSwiUGFyZW50U3R5bGUiOm51bGx9LCJEYXRlRm9ybWF0Ijp7IiRpZCI6IjQ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xNSIsIkNvbG9yIjp7IiRpZCI6IjQxNiIsIkEiOjAsIlIiOjI1NSwiRyI6MjU1LCJCIjoyNTV9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IsIkZvbnROYW1lIjoiU2Vnb2UgVUkiLCJJc0JvbGQiOnRydWUsIklzSXRhbGljIjp0cnVlLCJJc1VuZGVybGluZWQiOmZhbHNlLCJQYXJlbnRTdHlsZSI6bnVsbH0sIkF1dG9TaXplIjowLCJGb3JlZ3JvdW5kIjp7IiRpZCI6IjQyMCIsIkNvbG9yIjp7IiRpZCI6IjQyM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yMiIsIkNvbG9yIjp7IiRpZCI6IjQyMyIsIkEiOjAsIlIiOjI1NSwiRyI6MjU1LCJCIjoyNTV9fSwiSXNWaXNpYmxlIjp0cnVlLCJXaWR0aCI6MC4wLCJIZWlnaHQiOjAuMCwiQm9yZGVyU3R5bGUiOnsiJGlkIjoiNDI0IiwiTGluZUNvbG9yIjpudWxsLCJMaW5lV2VpZ2h0IjowLjAsIkxpbmVUeXBlIjowLCJQYXJlbnRTdHlsZSI6bnVsbH0sIlBhcmVudFN0eWxlIjpudWxsfSwiRGF0ZUZvcm1hdCI6eyIkaWQiOiI0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IsIkZvbnROYW1lIjoiU2Vnb2UgVUkiLCJJc0JvbGQiOnRydWUsIklzSXRhbGljIjp0cnVlLCJJc1VuZGVybGluZWQiOmZhbHNlLCJQYXJlbnRTdHlsZSI6bnVsbH0sIkF1dG9TaXplIjowLCJGb3JlZ3JvdW5kIjp7IiRpZCI6IjQ0NCIsIkNvbG9yIjp7IiRpZCI6IjQ0N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0NiIsIkNvbG9yIjp7IiRpZCI6IjQ0NyIsIkEiOjAsIlIiOjI1NSwiRyI6MjU1LCJCIjoyNTV9fSwiSXNWaXNpYmxlIjp0cnVlLCJXaWR0aCI6MC4wLCJIZWlnaHQiOjAuMCwiQm9yZGVyU3R5bGUiOnsiJGlkIjoiNDQ4IiwiTGluZUNvbG9yIjpudWxsLCJMaW5lV2VpZ2h0IjowLjAsIkxpbmVUeXBlIjowLCJQYXJlbnRTdHlsZSI6bnVsbH0sIlBhcmVudFN0eWxlIjpudWxsfSwiRGF0ZUZvcm1hdCI6eyIkaWQiOiI0N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DYzIiwiQ29sb3IiOnsiJGlkIjoiNDY0IiwiQSI6MCwiUiI6MjU1LCJHIjoyNTUsIkIiOjI1NX1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iwiRm9udE5hbWUiOiJTZWdvZSBVSSIsIklzQm9sZCI6dHJ1ZSwiSXNJdGFsaWMiOnRydWUsIklzVW5kZXJsaW5lZCI6ZmFsc2UsIlBhcmVudFN0eWxlIjpudWxsfSwiQXV0b1NpemUiOjAsIkZvcmVncm91bmQiOnsiJGlkIjoiNDY4IiwiQ29sb3IiOnsiJGlkIjoiNDY5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Rm9ybWF0Ijp7IiRpZCI6IjQ3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4NyIsIkNvbG9yIjp7IiRpZCI6IjQ4OCIsIkEiOjAsIlIiOjI1NSwiRyI6MjU1LCJCIjoyNTV9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IsIkZvbnROYW1lIjoiU2Vnb2UgVUkiLCJJc0JvbGQiOnRydWUsIklzSXRhbGljIjp0cnVlLCJJc1VuZGVybGluZWQiOmZhbHNlLCJQYXJlbnRTdHlsZSI6bnVsbH0sIkF1dG9TaXplIjowLCJGb3JlZ3JvdW5kIjp7IiRpZCI6IjQ5MiIsIkNvbG9yIjp7IiRpZCI6IjQ5M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UZvcm1hdCI6eyIkaWQiOiI0O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UxMSIsIkNvbG9yIjp7IiRpZCI6IjUxMiIsIkEiOjAsIlIiOjI1NSwiRyI6MjU1LCJCIjoyNTV9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IsIkZvbnROYW1lIjoiU2Vnb2UgVUkiLCJJc0JvbGQiOnRydWUsIklzSXRhbGljIjp0cnVlLCJJc1VuZGVybGluZWQiOmZhbHNlLCJQYXJlbnRTdHlsZSI6bnVsbH0sIkF1dG9TaXplIjowLCJGb3JlZ3JvdW5kIjp7IiRpZCI6IjUxNiIsIkNvbG9yIjp7IiRpZCI6IjUxN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xOCIsIkNvbG9yIjp7IiRpZCI6IjUxOSIsIkEiOjAsIlIiOjI1NSwiRyI6MjU1LCJCIjoyNTV9fSwiSXNWaXNpYmxlIjp0cnVlLCJXaWR0aCI6MC4wLCJIZWlnaHQiOjAuMCwiQm9yZGVyU3R5bGUiOnsiJGlkIjoiNTIwIiwiTGluZUNvbG9yIjpudWxsLCJMaW5lV2VpZ2h0IjowLjAsIkxpbmVUeXBlIjowLCJQYXJlbnRTdHlsZSI6bnVsbH0sIlBhcmVudFN0eWxlIjpudWxsfSwiRGF0ZUZvcm1hdCI6eyIkaWQiOiI1M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MzUiLCJDb2xvciI6eyIkaWQiOiI1MzYiLCJBIjowLCJSIjoyNTUsIkciOjI1NSwiQiI6MjU1fX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yLCJGb250TmFtZSI6IlNlZ29lIFVJIiwiSXNCb2xkIjp0cnVlLCJJc0l0YWxpYyI6dHJ1ZSwiSXNVbmRlcmxpbmVkIjpmYWxzZSwiUGFyZW50U3R5bGUiOm51bGx9LCJBdXRvU2l6ZSI6MCwiRm9yZWdyb3VuZCI6eyIkaWQiOiI1NDAiLCJDb2xvciI6eyIkaWQiOiI1NDE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1NDIiLCJDb2xvciI6eyIkaWQiOiI1NDMiLCJBIjowLCJSIjoyNTUsIkciOjI1NSwiQiI6MjU1fX0sIklzVmlzaWJsZSI6dHJ1ZSwiV2lkdGgiOjAuMCwiSGVpZ2h0IjowLjAsIkJvcmRlclN0eWxlIjp7IiRpZCI6IjU0NCIsIkxpbmVDb2xvciI6bnVsbCwiTGluZVdlaWdodCI6MC4wLCJMaW5lVHlwZSI6MCwiUGFyZW50U3R5bGUiOm51bGx9LCJQYXJlbnRTdHlsZSI6bnVsbH0sIkRhdGVGb3JtYXQiOnsiJGlkIjoiNTQ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iwiRm9udE5hbWUiOiJTZWdvZSBVSSIsIklzQm9sZCI6dHJ1ZSwiSXNJdGFsaWMiOnRydWUsIklzVW5kZXJsaW5lZCI6ZmFsc2UsIlBhcmVudFN0eWxlIjpudWxsfSwiQXV0b1NpemUiOjAsIkZvcmVncm91bmQiOnsiJGlkIjoiNTY0IiwiQ29sb3IiOnsiJGlkIjoiNTY1IiwiQSI6MjU1LCJSIjoyMDAsIkciOjE4MCwiQiI6MjR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MTIsIkZvbnROYW1lIjoiU2Vnb2UgVUkiLCJJc0JvbGQiOnRydWUsIklzSXRhbGljIjp0cnVlLCJJc1VuZGVybGluZWQiOmZhbHNlLCJQYXJlbnRTdHlsZSI6bnVsbH0sIkF1dG9TaXplIjowLCJGb3JlZ3JvdW5kIjp7IiRpZCI6IjU4OCIsIkNvbG9yIjp7IiRpZCI6IjU4O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5MCIsIkNvbG9yIjp7IiRpZCI6IjU5MSIsIkEiOjAsIlIiOjI1NSwiRyI6MjU1LCJCIjoyNTV9fSwiSXNWaXNpYmxlIjp0cnVlLCJXaWR0aCI6MC4wLCJIZWlnaHQiOjAuMCwiQm9yZGVyU3R5bGUiOnsiJGlkIjoiNTkyIiwiTGluZUNvbG9yIjpudWxsLCJMaW5lV2VpZ2h0IjowLjAsIkxpbmVUeXBlIjowLCJQYXJlbnRTdHlsZSI6bnVsbH0sIlBhcmVudFN0eWxlIjpudWxsfSwiRGF0ZUZvcm1hdCI6eyIkaWQiOiI1O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UZvcm1hdCI6eyIkaWQiOiI2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zOCIsIkNvbG9yIjp7IiRpZCI6IjYzOSIsIkEiOjAsIlIiOjI1NSwiRyI6MjU1LCJCIjoyNTV9fSwiSXNWaXNpYmxlIjp0cnVlLCJXaWR0aCI6MC4wLCJIZWlnaHQiOjAuMCwiQm9yZGVyU3R5bGUiOnsiJGlkIjoiNjQwIiwiTGluZUNvbG9yIjpudWxsLCJMaW5lV2VpZ2h0IjowLjAsIkxpbmVUeXBlIjowLCJQYXJlbnRTdHlsZSI6bnVsbH0sIlBhcmVudFN0eWxlIjpudWxsfSwiRGF0ZUZvcm1hdCI6eyIkaWQiOiI2N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VN0eWxlIjp7IiRpZCI6IjY1OCIsIkZvbnRTZXR0aW5ncyI6eyIkaWQiOiI2NTkiLCJGb250U2l6ZSI6MTIsIkZvbnROYW1lIjoiU2Vnb2UgVUkiLCJJc0JvbGQiOnRydWUsIklzSXRhbGljIjp0cnVlLCJJc1VuZGVybGluZWQiOmZhbHNlLCJQYXJlbnRTdHlsZSI6bnVsbH0sIkF1dG9TaXplIjowLCJGb3JlZ3JvdW5kIjp7IiRpZCI6IjY2MCIsIkNvbG9yIjp7IiRpZCI6IjY2MSIsIkEiOjI1NSwiUiI6MjAwLCJHIjoxODAsIkIiOjI0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udWxsfSwiRGF0ZUZvcm1hdCI6eyIkaWQiOiI2N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Gb3JtYXQiOnsiJGlkIjoiNj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zEwIiwiQ29sb3IiOnsiJGlkIjoiNzExIiwiQSI6MCwiUiI6MjU1LCJHIjoyNTUsIkIiOjI1NX19LCJJc1Zpc2libGUiOnRydWUsIldpZHRoIjowLjAsIkhlaWdodCI6MC4wLCJCb3JkZXJTdHlsZSI6eyIkaWQiOiI3MTIiLCJMaW5lQ29sb3IiOm51bGwsIkxpbmVXZWlnaHQiOjAuMCwiTGluZVR5cGUiOjAsIlBhcmVudFN0eWxlIjpudWxsfSwiUGFyZW50U3R5bGUiOm51bGx9LCJEYXRlRm9ybWF0Ijp7IiRpZCI6Ijcx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IyIiwiTGluZUNvbG9yIjpudWxsLCJMaW5lV2VpZ2h0IjowLjAsIkxpbmVUeXBlIjowLCJQYXJlbnRTdHlsZSI6bnVsbH0sIlBhcmVudFN0eWxlIjpudWxsfSwiRHVyYXRpb25TdHlsZSI6eyIkaWQiOiI3MjMiLCJGb250U2V0dGluZ3MiOnsiJGlkIjoiNzI0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EsIkZvbnROYW1lIjoiU2Vnb2UgVUkiLCJJc0JvbGQiOmZhbHNlLCJJc0l0YWxpYyI6ZmFsc2UsIklzVW5kZXJsaW5lZCI6ZmFsc2UsIlBhcmVudFN0eWxlIjpudWxsfSwiQXV0b1NpemUiOjAsIkZvcmVncm91bmQiOnsiJGlkIjoiNzQzIiwiQ29sb3IiOnsiJGlkIjoiNzQ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NzQ1IiwiQ29sb3IiOnsiJGlkIjoiNzQ2IiwiQSI6MCwiUiI6MjU1LCJHIjoyNTUsIkIiOjI1NX19LCJJc1Zpc2libGUiOnRydWUsIldpZHRoIjowLjAsIkhlaWdodCI6MC4wLCJCb3JkZXJTdHlsZSI6eyIkaWQiOiI3NDciLCJMaW5lQ29sb3IiOm51bGwsIkxpbmVXZWlnaHQiOjAuMCwiTGluZVR5cGUiOjAsIlBhcmVudFN0eWxlIjpudWxsfSwiUGFyZW50U3R5bGUiOm51bGx9LCJEYXRlRm9ybWF0Ijp7IiRpZCI6Ijc0O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c3OSIsIkNvbG9yIjp7IiRpZCI6Ijc4MCIsIkEiOjAsIlIiOjI1NSwiRyI6MjU1LCJCIjoyNTV9fSwiSXNWaXNpYmxlIjp0cnVlLCJXaWR0aCI6MC4wLCJIZWlnaHQiOjAuMCwiQm9yZGVyU3R5bGUiOnsiJGlkIjoiNzgxIiwiTGluZUNvbG9yIjpudWxsLCJMaW5lV2VpZ2h0IjowLjAsIkxpbmVUeXBlIjowLCJQYXJlbnRTdHlsZSI6bnVsbH0sIlBhcmVudFN0eWxlIjpudWxsfSwiRGF0ZUZvcm1hdCI6eyIkaWQiOiI3ODI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c5MCIsIkxpbmVDb2xvciI6bnVsbCwiTGluZVdlaWdodCI6MC4wLCJMaW5lVHlwZSI6MCwiUGFyZW50U3R5bGUiOm51bGx9LCJQYXJlbnRTdHlsZSI6bnVsbH0sIkR1cmF0aW9uU3R5bGUiOnsiJGlkIjoiNzkxIiwiRm9udFNldHRpbmdzIjp7IiRpZCI6Ijc5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ODA0IiwiQ29sb3IiOnsiJGlkIjoiODA1IiwiQSI6MCwiUiI6MjU1LCJHIjoyNTUsIkIiOjI1NX19LCJJc1Zpc2libGUiOnRydWUsIldpZHRoIjowLjAsIkhlaWdodCI6MC4wLCJCb3JkZXJTdHlsZSI6eyIkaWQiOiI4MDYiLCJMaW5lQ29sb3IiOm51bGwsIkxpbmVXZWlnaHQiOjAuMCwiTGluZVR5cGUiOjAsIlBhcmVudFN0eWxlIjpudWxsfSwiUGFyZW50U3R5bGUiOm51bGx9LCJEYXRlU3R5bGUiOnsiJGlkIjoiODA3IiwiRm9udFNldHRpbmdzIjp7IiRpZCI6IjgwOCIsIkZvbnRTaXplIjoxMSwiRm9udE5hbWUiOiJTZWdvZSBVS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4MTEiLCJDb2xvciI6eyIkaWQiOiI4MTIiLCJBIjowLCJSIjoyNTUsIkciOjI1NSwiQiI6MjU1fX0sIklzVmlzaWJsZSI6dHJ1ZSwiV2lkdGgiOjAuMCwiSGVpZ2h0IjowLjAsIkJvcmRlclN0eWxlIjp7IiRpZCI6IjgxMyIsIkxpbmVDb2xvciI6bnVsbCwiTGluZVdlaWdodCI6MC4wLCJMaW5lVHlwZSI6MCwiUGFyZW50U3R5bGUiOm51bGx9LCJQYXJlbnRTdHlsZSI6bnVsbH0sIkRhdGVGb3JtYXQiOnsiJGlkIjoiODE0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MjAiLCJVc2VUaW1lIjpmYWxzZSwiV29ya0RheVN0YXJ0IjoiMDA6MDA6MDAiLCJXb3JrRGF5RW5kIjoiMjM6NTk6MDAifSwiTGFzdFVzZWRUZW1wbGF0ZUlkIjoiMDJjN2RhNmQtNDQ3My00OTlmLTk4YWQtOWZmNjUyYTQzNDBkIn0="/>
  <p:tag name="__MASTER" val="__part_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0</Words>
  <Application>Microsoft Office PowerPoint</Application>
  <PresentationFormat>Widescreen</PresentationFormat>
  <Paragraphs>10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Gill Sans MT</vt:lpstr>
      <vt:lpstr>Segoe UI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3-11T16:03:18Z</dcterms:created>
  <dcterms:modified xsi:type="dcterms:W3CDTF">2020-03-12T12:52:55Z</dcterms:modified>
</cp:coreProperties>
</file>